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2_年報\R5年報\03_統計表\★ホームページ用\"/>
    </mc:Choice>
  </mc:AlternateContent>
  <bookViews>
    <workbookView xWindow="0" yWindow="0" windowWidth="28800" windowHeight="12015"/>
  </bookViews>
  <sheets>
    <sheet name="表1" sheetId="1" r:id="rId1"/>
    <sheet name="表2" sheetId="2" r:id="rId2"/>
    <sheet name="表3" sheetId="3" r:id="rId3"/>
    <sheet name="表4" sheetId="17" r:id="rId4"/>
    <sheet name="表5" sheetId="4" r:id="rId5"/>
    <sheet name="表6" sheetId="5" r:id="rId6"/>
    <sheet name="表7" sheetId="6" r:id="rId7"/>
    <sheet name="表8-1" sheetId="7" r:id="rId8"/>
    <sheet name="表8-2" sheetId="8" r:id="rId9"/>
    <sheet name="表8-3" sheetId="9" r:id="rId10"/>
    <sheet name="表8-4" sheetId="10" r:id="rId11"/>
    <sheet name="表8-5" sheetId="11" r:id="rId12"/>
    <sheet name="表8-6" sheetId="12" r:id="rId13"/>
    <sheet name="表9" sheetId="13" r:id="rId14"/>
    <sheet name="表10" sheetId="14" r:id="rId15"/>
    <sheet name="参考1" sheetId="15" r:id="rId16"/>
    <sheet name="参考2" sheetId="16" r:id="rId17"/>
  </sheets>
  <externalReferences>
    <externalReference r:id="rId18"/>
  </externalReferences>
  <definedNames>
    <definedName name="_Key1" localSheetId="15" hidden="1">#REF!</definedName>
    <definedName name="_Key1" localSheetId="16" hidden="1">#REF!</definedName>
    <definedName name="_Key1" localSheetId="0" hidden="1">#REF!</definedName>
    <definedName name="_Key1" localSheetId="14" hidden="1">#REF!</definedName>
    <definedName name="_Key1" localSheetId="1" hidden="1">#REF!</definedName>
    <definedName name="_Key1" localSheetId="2" hidden="1">#REF!</definedName>
    <definedName name="_Key1" localSheetId="3" hidden="1">#REF!</definedName>
    <definedName name="_Key1" localSheetId="4" hidden="1">#REF!</definedName>
    <definedName name="_Key1" localSheetId="6" hidden="1">#REF!</definedName>
    <definedName name="_Key1" localSheetId="7" hidden="1">#REF!</definedName>
    <definedName name="_Key1" localSheetId="8" hidden="1">#REF!</definedName>
    <definedName name="_Key1" localSheetId="9" hidden="1">#REF!</definedName>
    <definedName name="_Key1" localSheetId="10" hidden="1">#REF!</definedName>
    <definedName name="_Key1" localSheetId="11" hidden="1">#REF!</definedName>
    <definedName name="_Key1" localSheetId="12" hidden="1">#REF!</definedName>
    <definedName name="_Key1" localSheetId="13" hidden="1">#REF!</definedName>
    <definedName name="_Key1" hidden="1">#REF!</definedName>
    <definedName name="_Order1" hidden="1">255</definedName>
    <definedName name="_Sort" localSheetId="15" hidden="1">#REF!</definedName>
    <definedName name="_Sort" localSheetId="16" hidden="1">#REF!</definedName>
    <definedName name="_Sort" localSheetId="0" hidden="1">#REF!</definedName>
    <definedName name="_Sort" localSheetId="14" hidden="1">#REF!</definedName>
    <definedName name="_Sort" localSheetId="1" hidden="1">#REF!</definedName>
    <definedName name="_Sort" localSheetId="2" hidden="1">#REF!</definedName>
    <definedName name="_Sort" localSheetId="3" hidden="1">#REF!</definedName>
    <definedName name="_Sort" localSheetId="4" hidden="1">#REF!</definedName>
    <definedName name="_Sort" localSheetId="6" hidden="1">#REF!</definedName>
    <definedName name="_Sort" localSheetId="7" hidden="1">#REF!</definedName>
    <definedName name="_Sort" localSheetId="8" hidden="1">#REF!</definedName>
    <definedName name="_Sort" localSheetId="9" hidden="1">#REF!</definedName>
    <definedName name="_Sort" localSheetId="10" hidden="1">#REF!</definedName>
    <definedName name="_Sort" localSheetId="11" hidden="1">#REF!</definedName>
    <definedName name="_Sort" localSheetId="12" hidden="1">#REF!</definedName>
    <definedName name="_Sort" localSheetId="13" hidden="1">#REF!</definedName>
    <definedName name="_Sort" hidden="1">#REF!</definedName>
    <definedName name="_xlnm.Print_Area" localSheetId="15">参考1!$A$1:$K$74</definedName>
    <definedName name="_xlnm.Print_Area" localSheetId="0">表1!$A$1:$L$74</definedName>
    <definedName name="_xlnm.Print_Area" localSheetId="14">表10!$A$1:$K$29</definedName>
    <definedName name="_xlnm.Print_Area" localSheetId="1">表2!$A$1:$L$74</definedName>
    <definedName name="_xlnm.Print_Area" localSheetId="2">表3!$A$1:$K$52</definedName>
    <definedName name="_xlnm.Print_Area" localSheetId="3">表4!$A$1:$J$19</definedName>
    <definedName name="_xlnm.Print_Area" localSheetId="4">表5!$A$1:$R$70</definedName>
    <definedName name="_xlnm.Print_Area" localSheetId="6">表7!$A$1:$K$74</definedName>
    <definedName name="月報">"グラフ 1"</definedName>
    <definedName name="市名">[1]様式1!$X$6:$X$9</definedName>
    <definedName name="第１表2011年10月分" localSheetId="15">#REF!</definedName>
    <definedName name="第１表2011年10月分" localSheetId="16">#REF!</definedName>
    <definedName name="第１表2011年10月分" localSheetId="3">#REF!</definedName>
    <definedName name="第１表2011年10月分">#REF!</definedName>
    <definedName name="第１表2011年11月分" localSheetId="15">#REF!</definedName>
    <definedName name="第１表2011年11月分" localSheetId="16">#REF!</definedName>
    <definedName name="第１表2011年11月分" localSheetId="3">#REF!</definedName>
    <definedName name="第１表2011年11月分">#REF!</definedName>
    <definedName name="第１表2011年１月分" localSheetId="15">#REF!</definedName>
    <definedName name="第１表2011年１月分" localSheetId="16">#REF!</definedName>
    <definedName name="第１表2011年１月分" localSheetId="3">#REF!</definedName>
    <definedName name="第１表2011年１月分">#REF!</definedName>
    <definedName name="第１表2011年２月分" localSheetId="15">#REF!</definedName>
    <definedName name="第１表2011年２月分" localSheetId="16">#REF!</definedName>
    <definedName name="第１表2011年２月分" localSheetId="3">#REF!</definedName>
    <definedName name="第１表2011年２月分">#REF!</definedName>
    <definedName name="第１表2011年３月分" localSheetId="15">#REF!</definedName>
    <definedName name="第１表2011年３月分" localSheetId="16">#REF!</definedName>
    <definedName name="第１表2011年３月分" localSheetId="3">#REF!</definedName>
    <definedName name="第１表2011年３月分">#REF!</definedName>
    <definedName name="第１表2011年４月分" localSheetId="15">#REF!</definedName>
    <definedName name="第１表2011年４月分" localSheetId="16">#REF!</definedName>
    <definedName name="第１表2011年４月分" localSheetId="3">#REF!</definedName>
    <definedName name="第１表2011年４月分">#REF!</definedName>
    <definedName name="第１表2011年５月分" localSheetId="15">#REF!</definedName>
    <definedName name="第１表2011年５月分" localSheetId="16">#REF!</definedName>
    <definedName name="第１表2011年５月分" localSheetId="3">#REF!</definedName>
    <definedName name="第１表2011年５月分">#REF!</definedName>
    <definedName name="第１表2011年６月分" localSheetId="15">#REF!</definedName>
    <definedName name="第１表2011年６月分" localSheetId="16">#REF!</definedName>
    <definedName name="第１表2011年６月分" localSheetId="3">#REF!</definedName>
    <definedName name="第１表2011年６月分">#REF!</definedName>
    <definedName name="第１表2011年７月分" localSheetId="15">#REF!</definedName>
    <definedName name="第１表2011年７月分" localSheetId="16">#REF!</definedName>
    <definedName name="第１表2011年７月分" localSheetId="3">#REF!</definedName>
    <definedName name="第１表2011年７月分">#REF!</definedName>
    <definedName name="第１表2011年８月分" localSheetId="15">#REF!</definedName>
    <definedName name="第１表2011年８月分" localSheetId="16">#REF!</definedName>
    <definedName name="第１表2011年８月分" localSheetId="3">#REF!</definedName>
    <definedName name="第１表2011年８月分">#REF!</definedName>
    <definedName name="第１表2011年９月分" localSheetId="15">#REF!</definedName>
    <definedName name="第１表2011年９月分" localSheetId="16">#REF!</definedName>
    <definedName name="第１表2011年９月分" localSheetId="3">#REF!</definedName>
    <definedName name="第１表2011年９月分">#REF!</definedName>
    <definedName name="第５表の１2011年10月分" localSheetId="15">#REF!</definedName>
    <definedName name="第５表の１2011年10月分" localSheetId="16">#REF!</definedName>
    <definedName name="第５表の１2011年10月分" localSheetId="3">#REF!</definedName>
    <definedName name="第５表の１2011年10月分">#REF!</definedName>
    <definedName name="第５表の１2011年11月分" localSheetId="15">#REF!</definedName>
    <definedName name="第５表の１2011年11月分" localSheetId="16">#REF!</definedName>
    <definedName name="第５表の１2011年11月分" localSheetId="3">#REF!</definedName>
    <definedName name="第５表の１2011年11月分">#REF!</definedName>
    <definedName name="第５表の１2011年12月分" localSheetId="15">#REF!</definedName>
    <definedName name="第５表の１2011年12月分" localSheetId="16">#REF!</definedName>
    <definedName name="第５表の１2011年12月分" localSheetId="3">#REF!</definedName>
    <definedName name="第５表の１2011年12月分">#REF!</definedName>
    <definedName name="第５表の１2011年１月分" localSheetId="15">#REF!</definedName>
    <definedName name="第５表の１2011年１月分" localSheetId="16">#REF!</definedName>
    <definedName name="第５表の１2011年１月分" localSheetId="3">#REF!</definedName>
    <definedName name="第５表の１2011年１月分">#REF!</definedName>
    <definedName name="第５表の１2011年２月分" localSheetId="15">#REF!</definedName>
    <definedName name="第５表の１2011年２月分" localSheetId="16">#REF!</definedName>
    <definedName name="第５表の１2011年２月分" localSheetId="3">#REF!</definedName>
    <definedName name="第５表の１2011年２月分">#REF!</definedName>
    <definedName name="第５表の１2011年３月分" localSheetId="15">#REF!</definedName>
    <definedName name="第５表の１2011年３月分" localSheetId="16">#REF!</definedName>
    <definedName name="第５表の１2011年３月分" localSheetId="3">#REF!</definedName>
    <definedName name="第５表の１2011年３月分">#REF!</definedName>
    <definedName name="第５表の１2011年４月分" localSheetId="15">#REF!</definedName>
    <definedName name="第５表の１2011年４月分" localSheetId="16">#REF!</definedName>
    <definedName name="第５表の１2011年４月分" localSheetId="3">#REF!</definedName>
    <definedName name="第５表の１2011年４月分">#REF!</definedName>
    <definedName name="第５表の１2011年５月分" localSheetId="15">#REF!</definedName>
    <definedName name="第５表の１2011年５月分" localSheetId="16">#REF!</definedName>
    <definedName name="第５表の１2011年５月分" localSheetId="3">#REF!</definedName>
    <definedName name="第５表の１2011年５月分">#REF!</definedName>
    <definedName name="第５表の１2011年６月分" localSheetId="15">#REF!</definedName>
    <definedName name="第５表の１2011年６月分" localSheetId="16">#REF!</definedName>
    <definedName name="第５表の１2011年６月分" localSheetId="3">#REF!</definedName>
    <definedName name="第５表の１2011年６月分">#REF!</definedName>
    <definedName name="第５表の１2011年７月分" localSheetId="15">#REF!</definedName>
    <definedName name="第５表の１2011年７月分" localSheetId="16">#REF!</definedName>
    <definedName name="第５表の１2011年７月分" localSheetId="3">#REF!</definedName>
    <definedName name="第５表の１2011年７月分">#REF!</definedName>
    <definedName name="第５表の１2011年８月分" localSheetId="15">#REF!</definedName>
    <definedName name="第５表の１2011年８月分" localSheetId="16">#REF!</definedName>
    <definedName name="第５表の１2011年８月分" localSheetId="3">#REF!</definedName>
    <definedName name="第５表の１2011年８月分">#REF!</definedName>
    <definedName name="第５表の１2011年９月分" localSheetId="15">#REF!</definedName>
    <definedName name="第５表の１2011年９月分" localSheetId="16">#REF!</definedName>
    <definedName name="第５表の１2011年９月分" localSheetId="3">#REF!</definedName>
    <definedName name="第５表の１2011年９月分">#REF!</definedName>
    <definedName name="第５表の２2011年10月分" localSheetId="15">#REF!</definedName>
    <definedName name="第５表の２2011年10月分" localSheetId="16">#REF!</definedName>
    <definedName name="第５表の２2011年10月分" localSheetId="3">#REF!</definedName>
    <definedName name="第５表の２2011年10月分">#REF!</definedName>
    <definedName name="第５表の２2011年11月分" localSheetId="15">#REF!</definedName>
    <definedName name="第５表の２2011年11月分" localSheetId="16">#REF!</definedName>
    <definedName name="第５表の２2011年11月分" localSheetId="3">#REF!</definedName>
    <definedName name="第５表の２2011年11月分">#REF!</definedName>
    <definedName name="第５表の２2011年12月分" localSheetId="15">#REF!</definedName>
    <definedName name="第５表の２2011年12月分" localSheetId="16">#REF!</definedName>
    <definedName name="第５表の２2011年12月分" localSheetId="3">#REF!</definedName>
    <definedName name="第５表の２2011年12月分">#REF!</definedName>
    <definedName name="第５表の２2011年１月分" localSheetId="15">#REF!</definedName>
    <definedName name="第５表の２2011年１月分" localSheetId="16">#REF!</definedName>
    <definedName name="第５表の２2011年１月分" localSheetId="3">#REF!</definedName>
    <definedName name="第５表の２2011年１月分">#REF!</definedName>
    <definedName name="第５表の２2011年２月分" localSheetId="15">#REF!</definedName>
    <definedName name="第５表の２2011年２月分" localSheetId="16">#REF!</definedName>
    <definedName name="第５表の２2011年２月分" localSheetId="3">#REF!</definedName>
    <definedName name="第５表の２2011年２月分">#REF!</definedName>
    <definedName name="第５表の２2011年３月分" localSheetId="15">#REF!</definedName>
    <definedName name="第５表の２2011年３月分" localSheetId="16">#REF!</definedName>
    <definedName name="第５表の２2011年３月分" localSheetId="3">#REF!</definedName>
    <definedName name="第５表の２2011年３月分">#REF!</definedName>
    <definedName name="第５表の２2011年４月分" localSheetId="15">#REF!</definedName>
    <definedName name="第５表の２2011年４月分" localSheetId="16">#REF!</definedName>
    <definedName name="第５表の２2011年４月分" localSheetId="3">#REF!</definedName>
    <definedName name="第５表の２2011年４月分">#REF!</definedName>
    <definedName name="第５表の２2011年５月分" localSheetId="15">#REF!</definedName>
    <definedName name="第５表の２2011年５月分" localSheetId="16">#REF!</definedName>
    <definedName name="第５表の２2011年５月分" localSheetId="3">#REF!</definedName>
    <definedName name="第５表の２2011年５月分">#REF!</definedName>
    <definedName name="第５表の２2011年６月分" localSheetId="15">#REF!</definedName>
    <definedName name="第５表の２2011年６月分" localSheetId="16">#REF!</definedName>
    <definedName name="第５表の２2011年６月分" localSheetId="3">#REF!</definedName>
    <definedName name="第５表の２2011年６月分">#REF!</definedName>
    <definedName name="第５表の２2011年７月分" localSheetId="15">#REF!</definedName>
    <definedName name="第５表の２2011年７月分" localSheetId="16">#REF!</definedName>
    <definedName name="第５表の２2011年７月分" localSheetId="3">#REF!</definedName>
    <definedName name="第５表の２2011年７月分">#REF!</definedName>
    <definedName name="第５表の２2011年８月分" localSheetId="15">#REF!</definedName>
    <definedName name="第５表の２2011年８月分" localSheetId="16">#REF!</definedName>
    <definedName name="第５表の２2011年８月分" localSheetId="3">#REF!</definedName>
    <definedName name="第５表の２2011年８月分">#REF!</definedName>
    <definedName name="第５表の２2011年９月分" localSheetId="15">#REF!</definedName>
    <definedName name="第５表の２2011年９月分" localSheetId="16">#REF!</definedName>
    <definedName name="第５表の２2011年９月分" localSheetId="3">#REF!</definedName>
    <definedName name="第５表の２2011年９月分">#REF!</definedName>
    <definedName name="平成23年１月" localSheetId="15">#REF!</definedName>
    <definedName name="平成23年１月" localSheetId="16">#REF!</definedName>
    <definedName name="平成23年１月" localSheetId="3">#REF!</definedName>
    <definedName name="平成23年１月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89" uniqueCount="231">
  <si>
    <t>年次別人口・人口増減及び世帯数</t>
    <rPh sb="0" eb="3">
      <t>ネンジベツ</t>
    </rPh>
    <rPh sb="3" eb="5">
      <t>ジンコウ</t>
    </rPh>
    <rPh sb="6" eb="8">
      <t>ジンコウ</t>
    </rPh>
    <rPh sb="8" eb="10">
      <t>ゾウゲン</t>
    </rPh>
    <rPh sb="10" eb="11">
      <t>オヨ</t>
    </rPh>
    <rPh sb="12" eb="15">
      <t>セタイスウ</t>
    </rPh>
    <phoneticPr fontId="2"/>
  </si>
  <si>
    <t>第１表</t>
    <rPh sb="0" eb="1">
      <t>ダイ</t>
    </rPh>
    <rPh sb="2" eb="3">
      <t>ヒョウ</t>
    </rPh>
    <phoneticPr fontId="2"/>
  </si>
  <si>
    <t>年次</t>
    <rPh sb="0" eb="2">
      <t>ネンジ</t>
    </rPh>
    <phoneticPr fontId="2"/>
  </si>
  <si>
    <t>人口</t>
    <rPh sb="0" eb="2">
      <t>ジンコウ</t>
    </rPh>
    <phoneticPr fontId="2"/>
  </si>
  <si>
    <t>年　　間
人口増減</t>
    <rPh sb="0" eb="1">
      <t>トシ</t>
    </rPh>
    <rPh sb="3" eb="4">
      <t>アイダ</t>
    </rPh>
    <rPh sb="5" eb="9">
      <t>ジンコウゾウゲン</t>
    </rPh>
    <phoneticPr fontId="2"/>
  </si>
  <si>
    <t>世帯数</t>
    <rPh sb="0" eb="3">
      <t>セタイスウ</t>
    </rPh>
    <phoneticPr fontId="2"/>
  </si>
  <si>
    <t>１世帯
当たり人員</t>
    <rPh sb="1" eb="3">
      <t>セタイ</t>
    </rPh>
    <rPh sb="4" eb="5">
      <t>ア</t>
    </rPh>
    <rPh sb="7" eb="8">
      <t>ニン</t>
    </rPh>
    <rPh sb="8" eb="9">
      <t>イン</t>
    </rPh>
    <phoneticPr fontId="2"/>
  </si>
  <si>
    <t>自然増減</t>
    <rPh sb="0" eb="4">
      <t>シゼンゾウゲン</t>
    </rPh>
    <phoneticPr fontId="2"/>
  </si>
  <si>
    <t>社会増減</t>
    <rPh sb="0" eb="4">
      <t>シャカイゾウゲン</t>
    </rPh>
    <phoneticPr fontId="2"/>
  </si>
  <si>
    <t>増減率</t>
    <rPh sb="0" eb="3">
      <t>ゾウゲンリツ</t>
    </rPh>
    <phoneticPr fontId="2"/>
  </si>
  <si>
    <t>人</t>
    <rPh sb="0" eb="1">
      <t>ヒト</t>
    </rPh>
    <phoneticPr fontId="2"/>
  </si>
  <si>
    <t>％</t>
    <phoneticPr fontId="2"/>
  </si>
  <si>
    <t>世帯</t>
    <rPh sb="0" eb="2">
      <t>セタイ</t>
    </rPh>
    <phoneticPr fontId="2"/>
  </si>
  <si>
    <t>－</t>
  </si>
  <si>
    <t>33(1958)</t>
  </si>
  <si>
    <t>(注)人口・世帯数及び１世帯当たり人員は各年１月１日現在。他は年間の増減数。</t>
    <rPh sb="1" eb="2">
      <t>チュウ</t>
    </rPh>
    <rPh sb="3" eb="5">
      <t>ジンコウ</t>
    </rPh>
    <rPh sb="6" eb="9">
      <t>セタイスウ</t>
    </rPh>
    <rPh sb="9" eb="10">
      <t>オヨ</t>
    </rPh>
    <rPh sb="12" eb="15">
      <t>セタイア</t>
    </rPh>
    <rPh sb="17" eb="19">
      <t>ジンイン</t>
    </rPh>
    <rPh sb="20" eb="22">
      <t>カクネン</t>
    </rPh>
    <rPh sb="23" eb="24">
      <t>ツキ</t>
    </rPh>
    <rPh sb="25" eb="26">
      <t>ヒ</t>
    </rPh>
    <rPh sb="26" eb="28">
      <t>ゲンザイ</t>
    </rPh>
    <rPh sb="29" eb="30">
      <t>ホカ</t>
    </rPh>
    <rPh sb="31" eb="33">
      <t>ネンカン</t>
    </rPh>
    <rPh sb="34" eb="36">
      <t>ゾウゲン</t>
    </rPh>
    <rPh sb="36" eb="37">
      <t>スウ</t>
    </rPh>
    <phoneticPr fontId="2"/>
  </si>
  <si>
    <t>年次別人口増減</t>
    <rPh sb="0" eb="3">
      <t>ネンジベツ</t>
    </rPh>
    <rPh sb="3" eb="7">
      <t>ジンコウゾウゲン</t>
    </rPh>
    <phoneticPr fontId="2"/>
  </si>
  <si>
    <t>第２表</t>
    <rPh sb="0" eb="1">
      <t>ダイ</t>
    </rPh>
    <rPh sb="2" eb="3">
      <t>ヒョウ</t>
    </rPh>
    <phoneticPr fontId="2"/>
  </si>
  <si>
    <t>出生率</t>
    <rPh sb="0" eb="3">
      <t>シュッセイリツ</t>
    </rPh>
    <phoneticPr fontId="2"/>
  </si>
  <si>
    <t>死亡率</t>
    <rPh sb="0" eb="3">
      <t>シボウリツ</t>
    </rPh>
    <phoneticPr fontId="2"/>
  </si>
  <si>
    <t>出生</t>
    <rPh sb="0" eb="2">
      <t>シュッセイ</t>
    </rPh>
    <phoneticPr fontId="2"/>
  </si>
  <si>
    <t>死亡</t>
    <rPh sb="0" eb="2">
      <t>シボウ</t>
    </rPh>
    <phoneticPr fontId="2"/>
  </si>
  <si>
    <t>転入</t>
    <rPh sb="0" eb="2">
      <t>テンニュウ</t>
    </rPh>
    <phoneticPr fontId="2"/>
  </si>
  <si>
    <t>転出</t>
    <rPh sb="0" eb="2">
      <t>テンシュツ</t>
    </rPh>
    <phoneticPr fontId="2"/>
  </si>
  <si>
    <t>(注1)転入・転出には、県内市区町村間の移動を含む。</t>
    <rPh sb="1" eb="2">
      <t>チュウ</t>
    </rPh>
    <rPh sb="4" eb="6">
      <t>テンニュウ</t>
    </rPh>
    <rPh sb="7" eb="9">
      <t>テンシュツ</t>
    </rPh>
    <rPh sb="12" eb="19">
      <t>ケンナイシクチョウソンカン</t>
    </rPh>
    <rPh sb="20" eb="22">
      <t>イドウ</t>
    </rPh>
    <rPh sb="23" eb="24">
      <t>フク</t>
    </rPh>
    <phoneticPr fontId="2"/>
  </si>
  <si>
    <t>(注2)出生率：年央人口(７月１日現在の人口)1,000人当たりの年間出生数。</t>
    <rPh sb="1" eb="2">
      <t>チュウ</t>
    </rPh>
    <rPh sb="4" eb="7">
      <t>シュッセイ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3" eb="38">
      <t>ネンカンシュッセイスウ</t>
    </rPh>
    <phoneticPr fontId="2"/>
  </si>
  <si>
    <t>(注3)死亡率：年央人口(７月１日現在の人口)1,000人当たりの年間死亡数。</t>
    <rPh sb="1" eb="2">
      <t>チュウ</t>
    </rPh>
    <rPh sb="4" eb="7">
      <t>シボウリツ</t>
    </rPh>
    <rPh sb="8" eb="9">
      <t>ネン</t>
    </rPh>
    <rPh sb="9" eb="10">
      <t>オウ</t>
    </rPh>
    <rPh sb="10" eb="12">
      <t>ジンコウ</t>
    </rPh>
    <rPh sb="14" eb="15">
      <t>ツキ</t>
    </rPh>
    <rPh sb="16" eb="17">
      <t>ヒ</t>
    </rPh>
    <rPh sb="17" eb="19">
      <t>ゲンザイ</t>
    </rPh>
    <rPh sb="20" eb="22">
      <t>ジンコウ</t>
    </rPh>
    <rPh sb="28" eb="29">
      <t>ニン</t>
    </rPh>
    <rPh sb="29" eb="30">
      <t>アタ</t>
    </rPh>
    <rPh sb="33" eb="35">
      <t>ネンカン</t>
    </rPh>
    <rPh sb="35" eb="38">
      <t>シボウスウ</t>
    </rPh>
    <phoneticPr fontId="2"/>
  </si>
  <si>
    <t>年次別移動人口（社会増減）</t>
    <rPh sb="0" eb="3">
      <t>ネンジベツ</t>
    </rPh>
    <rPh sb="3" eb="5">
      <t>イドウ</t>
    </rPh>
    <rPh sb="5" eb="7">
      <t>ジンコウ</t>
    </rPh>
    <rPh sb="8" eb="10">
      <t>シャカイ</t>
    </rPh>
    <rPh sb="10" eb="12">
      <t>ゾウゲン</t>
    </rPh>
    <phoneticPr fontId="2"/>
  </si>
  <si>
    <t>第３表</t>
    <rPh sb="0" eb="1">
      <t>ダイ</t>
    </rPh>
    <rPh sb="2" eb="3">
      <t>ヒョウ</t>
    </rPh>
    <phoneticPr fontId="2"/>
  </si>
  <si>
    <t>転　　入</t>
    <rPh sb="0" eb="1">
      <t>テン</t>
    </rPh>
    <rPh sb="3" eb="4">
      <t>イ</t>
    </rPh>
    <phoneticPr fontId="2"/>
  </si>
  <si>
    <t>転　　出</t>
    <rPh sb="0" eb="1">
      <t>テン</t>
    </rPh>
    <rPh sb="3" eb="4">
      <t>デ</t>
    </rPh>
    <phoneticPr fontId="2"/>
  </si>
  <si>
    <t>総数</t>
    <rPh sb="0" eb="2">
      <t>ソウスウ</t>
    </rPh>
    <phoneticPr fontId="2"/>
  </si>
  <si>
    <t>県外</t>
    <rPh sb="0" eb="2">
      <t>ケンガイ</t>
    </rPh>
    <phoneticPr fontId="2"/>
  </si>
  <si>
    <t>県内</t>
    <rPh sb="0" eb="2">
      <t>ケンナイ</t>
    </rPh>
    <phoneticPr fontId="2"/>
  </si>
  <si>
    <t>その他</t>
    <rPh sb="2" eb="3">
      <t>タ</t>
    </rPh>
    <phoneticPr fontId="2"/>
  </si>
  <si>
    <t>(注)「その他」は、住民基本台帳法施行令の規定により、職権で住民票へ記載された者又は住民票から消除された者の数等。</t>
    <rPh sb="55" eb="56">
      <t>トウ</t>
    </rPh>
    <phoneticPr fontId="2"/>
  </si>
  <si>
    <t>月別人口増減</t>
    <rPh sb="0" eb="2">
      <t>ツキベツ</t>
    </rPh>
    <rPh sb="2" eb="4">
      <t>ジンコウ</t>
    </rPh>
    <rPh sb="4" eb="6">
      <t>ゾウゲン</t>
    </rPh>
    <phoneticPr fontId="2"/>
  </si>
  <si>
    <t>第４表</t>
    <rPh sb="0" eb="1">
      <t>ダイ</t>
    </rPh>
    <rPh sb="2" eb="3">
      <t>ヒョウ</t>
    </rPh>
    <phoneticPr fontId="2"/>
  </si>
  <si>
    <t>月別</t>
    <rPh sb="0" eb="2">
      <t>ツキベツ</t>
    </rPh>
    <phoneticPr fontId="2"/>
  </si>
  <si>
    <t>人口増減</t>
    <rPh sb="0" eb="2">
      <t>ジンコウ</t>
    </rPh>
    <rPh sb="2" eb="4">
      <t>ゾウゲン</t>
    </rPh>
    <phoneticPr fontId="2"/>
  </si>
  <si>
    <t>計</t>
    <rPh sb="0" eb="1">
      <t>ケイ</t>
    </rPh>
    <phoneticPr fontId="2"/>
  </si>
  <si>
    <t>１月中</t>
    <rPh sb="1" eb="2">
      <t>ツキ</t>
    </rPh>
    <rPh sb="2" eb="3">
      <t>ナカ</t>
    </rPh>
    <phoneticPr fontId="2"/>
  </si>
  <si>
    <t>２月中</t>
    <rPh sb="1" eb="2">
      <t>ツキ</t>
    </rPh>
    <rPh sb="2" eb="3">
      <t>ナカ</t>
    </rPh>
    <phoneticPr fontId="2"/>
  </si>
  <si>
    <t>３月中</t>
    <rPh sb="1" eb="2">
      <t>ツキ</t>
    </rPh>
    <rPh sb="2" eb="3">
      <t>ナカ</t>
    </rPh>
    <phoneticPr fontId="2"/>
  </si>
  <si>
    <t>４月中</t>
    <rPh sb="1" eb="2">
      <t>ツキ</t>
    </rPh>
    <rPh sb="2" eb="3">
      <t>ナカ</t>
    </rPh>
    <phoneticPr fontId="2"/>
  </si>
  <si>
    <t>５月中</t>
    <rPh sb="1" eb="2">
      <t>ツキ</t>
    </rPh>
    <rPh sb="2" eb="3">
      <t>ナカ</t>
    </rPh>
    <phoneticPr fontId="2"/>
  </si>
  <si>
    <t>６月中</t>
    <rPh sb="1" eb="2">
      <t>ツキ</t>
    </rPh>
    <rPh sb="2" eb="3">
      <t>ナカ</t>
    </rPh>
    <phoneticPr fontId="2"/>
  </si>
  <si>
    <t>７月中</t>
    <rPh sb="1" eb="2">
      <t>ツキ</t>
    </rPh>
    <rPh sb="2" eb="3">
      <t>ナカ</t>
    </rPh>
    <phoneticPr fontId="2"/>
  </si>
  <si>
    <t>８月中</t>
    <rPh sb="1" eb="2">
      <t>ツキ</t>
    </rPh>
    <rPh sb="2" eb="3">
      <t>ナカ</t>
    </rPh>
    <phoneticPr fontId="2"/>
  </si>
  <si>
    <t>９月中</t>
    <rPh sb="1" eb="2">
      <t>ツキ</t>
    </rPh>
    <rPh sb="2" eb="3">
      <t>ナカ</t>
    </rPh>
    <phoneticPr fontId="2"/>
  </si>
  <si>
    <t>１０月中</t>
    <rPh sb="2" eb="3">
      <t>ツキ</t>
    </rPh>
    <rPh sb="3" eb="4">
      <t>ナカ</t>
    </rPh>
    <phoneticPr fontId="2"/>
  </si>
  <si>
    <t>１１月中</t>
    <rPh sb="2" eb="3">
      <t>ツキ</t>
    </rPh>
    <rPh sb="3" eb="4">
      <t>ナカ</t>
    </rPh>
    <phoneticPr fontId="2"/>
  </si>
  <si>
    <t>１２月中</t>
    <rPh sb="2" eb="3">
      <t>ツキ</t>
    </rPh>
    <rPh sb="3" eb="4">
      <t>ナカ</t>
    </rPh>
    <phoneticPr fontId="2"/>
  </si>
  <si>
    <t>(注)転入・転出には、県内市区町村間の移動を含む。</t>
    <phoneticPr fontId="2"/>
  </si>
  <si>
    <t>年次別月別人口</t>
    <rPh sb="0" eb="3">
      <t>ネンジベツ</t>
    </rPh>
    <rPh sb="3" eb="5">
      <t>ツキベツ</t>
    </rPh>
    <rPh sb="5" eb="7">
      <t>ジンコウ</t>
    </rPh>
    <phoneticPr fontId="2"/>
  </si>
  <si>
    <t>第５表</t>
    <rPh sb="0" eb="1">
      <t>ダイ</t>
    </rPh>
    <rPh sb="2" eb="3">
      <t>ヒョウ</t>
    </rPh>
    <phoneticPr fontId="2"/>
  </si>
  <si>
    <t>(単位：人)</t>
    <rPh sb="1" eb="3">
      <t>タンイ</t>
    </rPh>
    <rPh sb="4" eb="5">
      <t>ニン</t>
    </rPh>
    <phoneticPr fontId="2"/>
  </si>
  <si>
    <t>年月</t>
    <rPh sb="0" eb="2">
      <t>ネンゲツ</t>
    </rPh>
    <phoneticPr fontId="2"/>
  </si>
  <si>
    <t>１月</t>
    <rPh sb="1" eb="2">
      <t>ツキ</t>
    </rPh>
    <phoneticPr fontId="2"/>
  </si>
  <si>
    <t>２月</t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市区町村別人口増減及び増減率</t>
    <phoneticPr fontId="2"/>
  </si>
  <si>
    <t>第６表</t>
    <rPh sb="0" eb="1">
      <t>ダイ</t>
    </rPh>
    <rPh sb="2" eb="3">
      <t>ヒョウ</t>
    </rPh>
    <phoneticPr fontId="2"/>
  </si>
  <si>
    <t>市区町村名</t>
    <rPh sb="0" eb="5">
      <t>シクチョウソンメイ</t>
    </rPh>
    <phoneticPr fontId="2"/>
  </si>
  <si>
    <t>人口増減</t>
    <rPh sb="0" eb="4">
      <t>ジンコウゾウゲン</t>
    </rPh>
    <phoneticPr fontId="2"/>
  </si>
  <si>
    <t>対前年増減率</t>
    <rPh sb="0" eb="3">
      <t>タイゼンネン</t>
    </rPh>
    <rPh sb="3" eb="6">
      <t>ゾウゲンリツ</t>
    </rPh>
    <phoneticPr fontId="2"/>
  </si>
  <si>
    <t>自然増減</t>
    <rPh sb="0" eb="2">
      <t>シゼン</t>
    </rPh>
    <rPh sb="2" eb="4">
      <t>ゾウゲン</t>
    </rPh>
    <phoneticPr fontId="2"/>
  </si>
  <si>
    <t>県計</t>
    <rPh sb="0" eb="2">
      <t>ケンケイ</t>
    </rPh>
    <phoneticPr fontId="2"/>
  </si>
  <si>
    <t>市部計</t>
    <rPh sb="0" eb="3">
      <t>シブケイ</t>
    </rPh>
    <phoneticPr fontId="2"/>
  </si>
  <si>
    <t>郡部計</t>
    <rPh sb="0" eb="2">
      <t>グンブ</t>
    </rPh>
    <rPh sb="2" eb="3">
      <t>ケイ</t>
    </rPh>
    <phoneticPr fontId="2"/>
  </si>
  <si>
    <t>横浜市</t>
    <rPh sb="0" eb="3">
      <t>ヨコハマシ</t>
    </rPh>
    <phoneticPr fontId="2"/>
  </si>
  <si>
    <t>鶴見区</t>
    <rPh sb="0" eb="3">
      <t>ツルミク</t>
    </rPh>
    <phoneticPr fontId="2"/>
  </si>
  <si>
    <t>神奈川区</t>
    <rPh sb="0" eb="4">
      <t>カナガワク</t>
    </rPh>
    <phoneticPr fontId="2"/>
  </si>
  <si>
    <t>西区</t>
    <rPh sb="0" eb="2">
      <t>ニシク</t>
    </rPh>
    <phoneticPr fontId="2"/>
  </si>
  <si>
    <t>中区</t>
    <rPh sb="0" eb="2">
      <t>ナカク</t>
    </rPh>
    <phoneticPr fontId="2"/>
  </si>
  <si>
    <t>南区</t>
    <rPh sb="0" eb="2">
      <t>ミナミク</t>
    </rPh>
    <phoneticPr fontId="2"/>
  </si>
  <si>
    <t>港南区</t>
    <rPh sb="0" eb="3">
      <t>コウナンク</t>
    </rPh>
    <phoneticPr fontId="2"/>
  </si>
  <si>
    <t>保土ケ谷区</t>
    <rPh sb="0" eb="1">
      <t>タモツ</t>
    </rPh>
    <rPh sb="1" eb="4">
      <t>ツチガヤ</t>
    </rPh>
    <rPh sb="4" eb="5">
      <t>ク</t>
    </rPh>
    <phoneticPr fontId="2"/>
  </si>
  <si>
    <t>旭区</t>
    <rPh sb="0" eb="2">
      <t>アサヒク</t>
    </rPh>
    <phoneticPr fontId="2"/>
  </si>
  <si>
    <t>磯子区</t>
    <rPh sb="0" eb="3">
      <t>イソゴク</t>
    </rPh>
    <phoneticPr fontId="2"/>
  </si>
  <si>
    <t>金沢区</t>
    <rPh sb="0" eb="3">
      <t>カナザワク</t>
    </rPh>
    <phoneticPr fontId="2"/>
  </si>
  <si>
    <t>港北区</t>
    <rPh sb="0" eb="3">
      <t>コウホクク</t>
    </rPh>
    <phoneticPr fontId="2"/>
  </si>
  <si>
    <t>緑区</t>
    <rPh sb="0" eb="2">
      <t>ミドリク</t>
    </rPh>
    <phoneticPr fontId="2"/>
  </si>
  <si>
    <t>青葉区</t>
    <rPh sb="0" eb="3">
      <t>アオバク</t>
    </rPh>
    <phoneticPr fontId="2"/>
  </si>
  <si>
    <t>都筑区</t>
    <rPh sb="0" eb="3">
      <t>ツヅキク</t>
    </rPh>
    <phoneticPr fontId="2"/>
  </si>
  <si>
    <t>戸塚区</t>
    <rPh sb="0" eb="3">
      <t>トツカク</t>
    </rPh>
    <phoneticPr fontId="2"/>
  </si>
  <si>
    <t>栄区</t>
    <rPh sb="0" eb="2">
      <t>サカエク</t>
    </rPh>
    <phoneticPr fontId="2"/>
  </si>
  <si>
    <t>泉区</t>
    <rPh sb="0" eb="2">
      <t>イズミク</t>
    </rPh>
    <phoneticPr fontId="2"/>
  </si>
  <si>
    <t>瀬谷区</t>
    <rPh sb="0" eb="3">
      <t>セヤク</t>
    </rPh>
    <phoneticPr fontId="2"/>
  </si>
  <si>
    <t>川崎市</t>
    <rPh sb="0" eb="3">
      <t>カワサキシ</t>
    </rPh>
    <phoneticPr fontId="2"/>
  </si>
  <si>
    <t>川崎区</t>
    <rPh sb="0" eb="3">
      <t>カワサキク</t>
    </rPh>
    <phoneticPr fontId="2"/>
  </si>
  <si>
    <t>幸区</t>
    <rPh sb="0" eb="2">
      <t>サイワイク</t>
    </rPh>
    <phoneticPr fontId="2"/>
  </si>
  <si>
    <t>中原区</t>
    <rPh sb="0" eb="3">
      <t>ナカハラク</t>
    </rPh>
    <phoneticPr fontId="2"/>
  </si>
  <si>
    <t>高津区</t>
    <rPh sb="0" eb="3">
      <t>タカツク</t>
    </rPh>
    <phoneticPr fontId="2"/>
  </si>
  <si>
    <t>宮前区</t>
    <rPh sb="0" eb="3">
      <t>ミヤマエク</t>
    </rPh>
    <phoneticPr fontId="2"/>
  </si>
  <si>
    <t>多摩区</t>
    <rPh sb="0" eb="3">
      <t>タマク</t>
    </rPh>
    <phoneticPr fontId="2"/>
  </si>
  <si>
    <t>麻生区</t>
    <rPh sb="0" eb="3">
      <t>アサオク</t>
    </rPh>
    <phoneticPr fontId="2"/>
  </si>
  <si>
    <t>相模原市</t>
    <rPh sb="0" eb="4">
      <t>サガミハラシ</t>
    </rPh>
    <phoneticPr fontId="2"/>
  </si>
  <si>
    <t>中央区</t>
    <rPh sb="0" eb="3">
      <t>チュウオウク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茅ヶ崎市</t>
    <rPh sb="0" eb="4">
      <t>チガサキシ</t>
    </rPh>
    <phoneticPr fontId="2"/>
  </si>
  <si>
    <t>逗子市</t>
    <rPh sb="0" eb="3">
      <t>ズシシ</t>
    </rPh>
    <phoneticPr fontId="2"/>
  </si>
  <si>
    <t>三浦市</t>
    <rPh sb="0" eb="3">
      <t>ミウラ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3">
      <t>ヤマト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南足柄市</t>
    <rPh sb="0" eb="4">
      <t>ミナミアシガラシ</t>
    </rPh>
    <phoneticPr fontId="2"/>
  </si>
  <si>
    <t>綾瀬市</t>
    <rPh sb="0" eb="3">
      <t>アヤセシ</t>
    </rPh>
    <phoneticPr fontId="2"/>
  </si>
  <si>
    <t>三浦郡葉山町</t>
    <rPh sb="0" eb="3">
      <t>ミウラグン</t>
    </rPh>
    <rPh sb="3" eb="6">
      <t>ハヤママチ</t>
    </rPh>
    <phoneticPr fontId="2"/>
  </si>
  <si>
    <t>高座郡寒川町</t>
    <rPh sb="0" eb="3">
      <t>コウザグン</t>
    </rPh>
    <rPh sb="3" eb="6">
      <t>サムカワマチ</t>
    </rPh>
    <phoneticPr fontId="2"/>
  </si>
  <si>
    <t>中郡</t>
    <rPh sb="0" eb="2">
      <t>ナカグン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足柄上郡</t>
    <rPh sb="0" eb="4">
      <t>アシガラカミグン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山北町</t>
    <rPh sb="0" eb="3">
      <t>ヤマキタマチ</t>
    </rPh>
    <phoneticPr fontId="2"/>
  </si>
  <si>
    <t>開成町</t>
    <rPh sb="0" eb="3">
      <t>カイセイマチ</t>
    </rPh>
    <phoneticPr fontId="2"/>
  </si>
  <si>
    <t>足柄下郡</t>
    <rPh sb="0" eb="4">
      <t>アシガラシモグン</t>
    </rPh>
    <phoneticPr fontId="2"/>
  </si>
  <si>
    <t>箱根町</t>
    <rPh sb="0" eb="3">
      <t>ハコネマチ</t>
    </rPh>
    <phoneticPr fontId="2"/>
  </si>
  <si>
    <t>真鶴町</t>
    <rPh sb="0" eb="3">
      <t>マナヅルマチ</t>
    </rPh>
    <phoneticPr fontId="2"/>
  </si>
  <si>
    <t>湯河原町</t>
    <rPh sb="0" eb="4">
      <t>ユガワラマチ</t>
    </rPh>
    <phoneticPr fontId="2"/>
  </si>
  <si>
    <t>愛甲郡</t>
    <rPh sb="0" eb="3">
      <t>アイコウグン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(注)転入・転出には、県内市区町村間の移動を含む。</t>
    <rPh sb="1" eb="2">
      <t>チュウ</t>
    </rPh>
    <rPh sb="3" eb="5">
      <t>テンニュウ</t>
    </rPh>
    <rPh sb="6" eb="8">
      <t>テンシュツ</t>
    </rPh>
    <rPh sb="11" eb="18">
      <t>ケンナイシクチョウソンカン</t>
    </rPh>
    <rPh sb="19" eb="21">
      <t>イドウ</t>
    </rPh>
    <rPh sb="22" eb="23">
      <t>フク</t>
    </rPh>
    <phoneticPr fontId="2"/>
  </si>
  <si>
    <t>市区町村別移動人口</t>
    <rPh sb="5" eb="7">
      <t>イドウ</t>
    </rPh>
    <rPh sb="7" eb="9">
      <t>ジンコウ</t>
    </rPh>
    <phoneticPr fontId="2"/>
  </si>
  <si>
    <t>第７表</t>
    <rPh sb="0" eb="1">
      <t>ダイ</t>
    </rPh>
    <rPh sb="2" eb="3">
      <t>ヒョウ</t>
    </rPh>
    <phoneticPr fontId="2"/>
  </si>
  <si>
    <t>転　　入</t>
    <phoneticPr fontId="2"/>
  </si>
  <si>
    <t>転　　出</t>
    <phoneticPr fontId="2"/>
  </si>
  <si>
    <t>(注)「その他」は、住民基本台帳法施行令の規定により、職権で住民票へ記載された者又は住民票から消除された者の数。</t>
    <rPh sb="6" eb="7">
      <t>ホカ</t>
    </rPh>
    <rPh sb="10" eb="12">
      <t>ジュウミン</t>
    </rPh>
    <rPh sb="12" eb="14">
      <t>キホン</t>
    </rPh>
    <rPh sb="14" eb="16">
      <t>ダイチョウ</t>
    </rPh>
    <rPh sb="16" eb="17">
      <t>ホウ</t>
    </rPh>
    <rPh sb="17" eb="19">
      <t>セコウ</t>
    </rPh>
    <rPh sb="19" eb="20">
      <t>レイ</t>
    </rPh>
    <rPh sb="21" eb="23">
      <t>キテイ</t>
    </rPh>
    <rPh sb="27" eb="29">
      <t>ショッケン</t>
    </rPh>
    <rPh sb="30" eb="33">
      <t>ジュウミンヒョウ</t>
    </rPh>
    <rPh sb="34" eb="36">
      <t>キサイ</t>
    </rPh>
    <rPh sb="39" eb="40">
      <t>モノ</t>
    </rPh>
    <rPh sb="40" eb="41">
      <t>マタ</t>
    </rPh>
    <rPh sb="42" eb="45">
      <t>ジュウミンヒョウ</t>
    </rPh>
    <rPh sb="47" eb="48">
      <t>ショウ</t>
    </rPh>
    <rPh sb="48" eb="49">
      <t>ジョ</t>
    </rPh>
    <rPh sb="52" eb="53">
      <t>モノ</t>
    </rPh>
    <rPh sb="54" eb="55">
      <t>カズ</t>
    </rPh>
    <phoneticPr fontId="2"/>
  </si>
  <si>
    <t>月別市区町村別人口及び世帯数　(1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第８表</t>
    <rPh sb="0" eb="1">
      <t>ダイ</t>
    </rPh>
    <rPh sb="2" eb="3">
      <t>ヒョウ</t>
    </rPh>
    <phoneticPr fontId="2"/>
  </si>
  <si>
    <t>総人口</t>
    <rPh sb="0" eb="1">
      <t>ソウ</t>
    </rPh>
    <rPh sb="1" eb="3">
      <t>ジンコ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総人口</t>
    <rPh sb="0" eb="3">
      <t>ソウジンコウ</t>
    </rPh>
    <phoneticPr fontId="2"/>
  </si>
  <si>
    <t>月別市区町村別人口及び世帯数　(2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月別市区町村別人口及び世帯数　(3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月別市区町村別人口及び世帯数　(4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月別市区町村別人口及び世帯数　(5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月別市区町村別人口及び世帯数　(6)</t>
    <rPh sb="0" eb="2">
      <t>ツキベツ</t>
    </rPh>
    <rPh sb="2" eb="7">
      <t>シクチョウソンベツ</t>
    </rPh>
    <rPh sb="7" eb="9">
      <t>ジンコウ</t>
    </rPh>
    <rPh sb="9" eb="10">
      <t>オヨ</t>
    </rPh>
    <rPh sb="11" eb="14">
      <t>セタイスウ</t>
    </rPh>
    <phoneticPr fontId="2"/>
  </si>
  <si>
    <t>第９表</t>
    <rPh sb="0" eb="1">
      <t>ダイ</t>
    </rPh>
    <rPh sb="2" eb="3">
      <t>ヒョウ</t>
    </rPh>
    <phoneticPr fontId="2"/>
  </si>
  <si>
    <t>地　　域</t>
    <rPh sb="0" eb="1">
      <t>チ</t>
    </rPh>
    <rPh sb="3" eb="4">
      <t>イキ</t>
    </rPh>
    <phoneticPr fontId="2"/>
  </si>
  <si>
    <t>横浜</t>
    <rPh sb="0" eb="2">
      <t>ヨコハマ</t>
    </rPh>
    <phoneticPr fontId="2"/>
  </si>
  <si>
    <t>川崎</t>
    <rPh sb="0" eb="2">
      <t>カワサキ</t>
    </rPh>
    <phoneticPr fontId="2"/>
  </si>
  <si>
    <t>横須賀三浦</t>
    <rPh sb="0" eb="5">
      <t>ヨコスカミウラ</t>
    </rPh>
    <phoneticPr fontId="2"/>
  </si>
  <si>
    <t>葉山町</t>
    <rPh sb="0" eb="3">
      <t>ハヤママチ</t>
    </rPh>
    <phoneticPr fontId="2"/>
  </si>
  <si>
    <t>県央</t>
    <rPh sb="0" eb="2">
      <t>ケンオウ</t>
    </rPh>
    <phoneticPr fontId="2"/>
  </si>
  <si>
    <t>湘南</t>
    <rPh sb="0" eb="2">
      <t>ショウナン</t>
    </rPh>
    <phoneticPr fontId="2"/>
  </si>
  <si>
    <t>茅ヶ崎市</t>
    <phoneticPr fontId="2"/>
  </si>
  <si>
    <t>寒川町</t>
    <rPh sb="0" eb="3">
      <t>サムカワマチ</t>
    </rPh>
    <phoneticPr fontId="2"/>
  </si>
  <si>
    <t>県西</t>
    <rPh sb="0" eb="2">
      <t>ケンセイ</t>
    </rPh>
    <phoneticPr fontId="2"/>
  </si>
  <si>
    <t>地域別人口増減及び増減率</t>
    <rPh sb="0" eb="5">
      <t>チイキベツジンコウ</t>
    </rPh>
    <rPh sb="5" eb="8">
      <t>ゾウゲンオヨ</t>
    </rPh>
    <rPh sb="9" eb="11">
      <t>ゾウゲン</t>
    </rPh>
    <rPh sb="11" eb="12">
      <t>リツ</t>
    </rPh>
    <phoneticPr fontId="2"/>
  </si>
  <si>
    <t>第10表</t>
    <rPh sb="0" eb="1">
      <t>ダイ</t>
    </rPh>
    <rPh sb="3" eb="4">
      <t>ヒョウ</t>
    </rPh>
    <phoneticPr fontId="2"/>
  </si>
  <si>
    <t>地域（※）</t>
    <rPh sb="0" eb="2">
      <t>チイキ</t>
    </rPh>
    <phoneticPr fontId="2"/>
  </si>
  <si>
    <t>人口総数に
対する割合</t>
    <rPh sb="0" eb="2">
      <t>ジンコウ</t>
    </rPh>
    <rPh sb="2" eb="4">
      <t>ソウスウ</t>
    </rPh>
    <rPh sb="6" eb="7">
      <t>タイ</t>
    </rPh>
    <rPh sb="9" eb="11">
      <t>ワリアイ</t>
    </rPh>
    <phoneticPr fontId="2"/>
  </si>
  <si>
    <t>年　　間
人口増減</t>
    <rPh sb="0" eb="1">
      <t>トシ</t>
    </rPh>
    <rPh sb="3" eb="4">
      <t>アイダ</t>
    </rPh>
    <rPh sb="5" eb="7">
      <t>ジンコウ</t>
    </rPh>
    <rPh sb="7" eb="9">
      <t>ゾウゲン</t>
    </rPh>
    <phoneticPr fontId="2"/>
  </si>
  <si>
    <t>・・・・・・・・・・</t>
    <phoneticPr fontId="2"/>
  </si>
  <si>
    <t>横須賀市、鎌倉市、逗子市、三浦市、葉山町</t>
    <rPh sb="0" eb="4">
      <t>ヨコスカシ</t>
    </rPh>
    <rPh sb="5" eb="8">
      <t>カマクラシ</t>
    </rPh>
    <rPh sb="9" eb="12">
      <t>ズシシ</t>
    </rPh>
    <rPh sb="13" eb="16">
      <t>ミウラシ</t>
    </rPh>
    <rPh sb="17" eb="20">
      <t>ハヤママチ</t>
    </rPh>
    <phoneticPr fontId="2"/>
  </si>
  <si>
    <t>相模原市、厚木市、大和市、海老名市、座間市、綾瀬市、愛川町、清川村</t>
    <rPh sb="0" eb="4">
      <t>サガミハラシ</t>
    </rPh>
    <rPh sb="5" eb="8">
      <t>アツギシ</t>
    </rPh>
    <rPh sb="9" eb="12">
      <t>ヤマトシ</t>
    </rPh>
    <rPh sb="13" eb="17">
      <t>エビナシ</t>
    </rPh>
    <rPh sb="18" eb="21">
      <t>ザマシ</t>
    </rPh>
    <rPh sb="22" eb="25">
      <t>アヤセシ</t>
    </rPh>
    <rPh sb="26" eb="29">
      <t>アイカワマチ</t>
    </rPh>
    <rPh sb="30" eb="33">
      <t>キヨカワムラ</t>
    </rPh>
    <phoneticPr fontId="2"/>
  </si>
  <si>
    <t>平塚市、藤沢市、茅ヶ崎市、秦野市、伊勢原市、寒川町、大磯町、二宮町</t>
    <rPh sb="0" eb="3">
      <t>ヒラツカシ</t>
    </rPh>
    <rPh sb="4" eb="7">
      <t>フジサワシ</t>
    </rPh>
    <rPh sb="13" eb="16">
      <t>ハダノシ</t>
    </rPh>
    <rPh sb="17" eb="21">
      <t>イセハラシ</t>
    </rPh>
    <rPh sb="22" eb="25">
      <t>サムカワマチ</t>
    </rPh>
    <rPh sb="26" eb="29">
      <t>オオイソマチ</t>
    </rPh>
    <rPh sb="30" eb="33">
      <t>ニノミヤマチ</t>
    </rPh>
    <phoneticPr fontId="2"/>
  </si>
  <si>
    <t>小田原市、南足柄市、中井町、大井町、松田町、山北町、開成町、箱根町、真鶴町、湯河原町</t>
    <rPh sb="0" eb="4">
      <t>オダワラシ</t>
    </rPh>
    <rPh sb="5" eb="9">
      <t>ミナミアシガラシ</t>
    </rPh>
    <rPh sb="10" eb="13">
      <t>ナカイマチ</t>
    </rPh>
    <rPh sb="14" eb="17">
      <t>オオイマチ</t>
    </rPh>
    <rPh sb="18" eb="21">
      <t>マツダマチ</t>
    </rPh>
    <rPh sb="22" eb="25">
      <t>ヤマキタマチ</t>
    </rPh>
    <rPh sb="26" eb="29">
      <t>カイセイマチ</t>
    </rPh>
    <rPh sb="30" eb="33">
      <t>ハコネマチ</t>
    </rPh>
    <rPh sb="34" eb="37">
      <t>マナヅルマチ</t>
    </rPh>
    <rPh sb="38" eb="42">
      <t>ユガワラマチ</t>
    </rPh>
    <phoneticPr fontId="2"/>
  </si>
  <si>
    <t>人口と世帯</t>
    <rPh sb="0" eb="2">
      <t>ジンコウ</t>
    </rPh>
    <rPh sb="3" eb="5">
      <t>セタイ</t>
    </rPh>
    <phoneticPr fontId="2"/>
  </si>
  <si>
    <t>参考１</t>
    <rPh sb="0" eb="2">
      <t>サンコウ</t>
    </rPh>
    <phoneticPr fontId="2"/>
  </si>
  <si>
    <t>１世帯
当たり人員</t>
    <rPh sb="1" eb="3">
      <t>セタイ</t>
    </rPh>
    <rPh sb="4" eb="5">
      <t>ア</t>
    </rPh>
    <rPh sb="7" eb="9">
      <t>ジンイン</t>
    </rPh>
    <phoneticPr fontId="2"/>
  </si>
  <si>
    <r>
      <t>人口密度
(1km</t>
    </r>
    <r>
      <rPr>
        <vertAlign val="superscript"/>
        <sz val="8"/>
        <color theme="1"/>
        <rFont val="HGPｺﾞｼｯｸM"/>
        <family val="3"/>
        <charset val="128"/>
      </rPr>
      <t>2</t>
    </r>
    <r>
      <rPr>
        <sz val="8"/>
        <color theme="1"/>
        <rFont val="HGPｺﾞｼｯｸM"/>
        <family val="3"/>
        <charset val="128"/>
      </rPr>
      <t>当たり)</t>
    </r>
    <rPh sb="0" eb="2">
      <t>ジンコウ</t>
    </rPh>
    <rPh sb="2" eb="4">
      <t>ミツド</t>
    </rPh>
    <rPh sb="10" eb="11">
      <t>ア</t>
    </rPh>
    <phoneticPr fontId="2"/>
  </si>
  <si>
    <t>女性100人に
対する男性の数</t>
    <rPh sb="0" eb="2">
      <t>ジョセイ</t>
    </rPh>
    <rPh sb="5" eb="6">
      <t>ニン</t>
    </rPh>
    <rPh sb="8" eb="9">
      <t>タイ</t>
    </rPh>
    <rPh sb="11" eb="13">
      <t>ダンセイ</t>
    </rPh>
    <rPh sb="14" eb="15">
      <t>カズ</t>
    </rPh>
    <phoneticPr fontId="2"/>
  </si>
  <si>
    <t>人口総数に
対する割合</t>
    <rPh sb="0" eb="4">
      <t>ジンコウソウスウ</t>
    </rPh>
    <rPh sb="6" eb="7">
      <t>タイ</t>
    </rPh>
    <rPh sb="9" eb="11">
      <t>ワリアイ</t>
    </rPh>
    <phoneticPr fontId="2"/>
  </si>
  <si>
    <t>国勢調査結果による人口と世帯の推移</t>
    <rPh sb="0" eb="6">
      <t>コクセイチョウサケッカ</t>
    </rPh>
    <rPh sb="9" eb="11">
      <t>ジンコウ</t>
    </rPh>
    <rPh sb="12" eb="14">
      <t>セタイ</t>
    </rPh>
    <rPh sb="15" eb="17">
      <t>スイイ</t>
    </rPh>
    <phoneticPr fontId="2"/>
  </si>
  <si>
    <t>参考２</t>
    <rPh sb="0" eb="2">
      <t>サンコウ</t>
    </rPh>
    <phoneticPr fontId="2"/>
  </si>
  <si>
    <t>前回調査に対する増減</t>
    <rPh sb="0" eb="4">
      <t>ゼンカイチョウサ</t>
    </rPh>
    <rPh sb="5" eb="6">
      <t>タイ</t>
    </rPh>
    <rPh sb="8" eb="10">
      <t>ゾウゲン</t>
    </rPh>
    <phoneticPr fontId="2"/>
  </si>
  <si>
    <r>
      <t xml:space="preserve">人口密度
</t>
    </r>
    <r>
      <rPr>
        <sz val="7"/>
        <color theme="1"/>
        <rFont val="HGPｺﾞｼｯｸM"/>
        <family val="3"/>
        <charset val="128"/>
      </rPr>
      <t>(1km</t>
    </r>
    <r>
      <rPr>
        <vertAlign val="superscript"/>
        <sz val="7"/>
        <color theme="1"/>
        <rFont val="HGPｺﾞｼｯｸM"/>
        <family val="3"/>
        <charset val="128"/>
      </rPr>
      <t>2</t>
    </r>
    <r>
      <rPr>
        <sz val="7"/>
        <color theme="1"/>
        <rFont val="HGPｺﾞｼｯｸM"/>
        <family val="3"/>
        <charset val="128"/>
      </rPr>
      <t>当たり)</t>
    </r>
    <rPh sb="0" eb="2">
      <t>ジンコウ</t>
    </rPh>
    <rPh sb="2" eb="4">
      <t>ミツド</t>
    </rPh>
    <rPh sb="10" eb="11">
      <t>ア</t>
    </rPh>
    <phoneticPr fontId="2"/>
  </si>
  <si>
    <t>世帯増減</t>
    <rPh sb="0" eb="4">
      <t>セタイゾウゲン</t>
    </rPh>
    <phoneticPr fontId="2"/>
  </si>
  <si>
    <t>人</t>
    <rPh sb="0" eb="1">
      <t>ニン</t>
    </rPh>
    <phoneticPr fontId="2"/>
  </si>
  <si>
    <t>％</t>
  </si>
  <si>
    <t>昭和22年10月1日
（臨時国勢調査）</t>
    <rPh sb="0" eb="2">
      <t>ショウワ</t>
    </rPh>
    <rPh sb="4" eb="5">
      <t>ネン</t>
    </rPh>
    <rPh sb="7" eb="8">
      <t>ガツ</t>
    </rPh>
    <rPh sb="9" eb="10">
      <t>ニチ</t>
    </rPh>
    <rPh sb="12" eb="14">
      <t>リンジ</t>
    </rPh>
    <rPh sb="14" eb="16">
      <t>コクセイ</t>
    </rPh>
    <rPh sb="16" eb="18">
      <t>チョウサ</t>
    </rPh>
    <phoneticPr fontId="17"/>
  </si>
  <si>
    <t>―</t>
    <phoneticPr fontId="2"/>
  </si>
  <si>
    <t>令和6年</t>
  </si>
  <si>
    <t>2(2020)</t>
  </si>
  <si>
    <t>平成31・元</t>
  </si>
  <si>
    <t>27(2015)</t>
  </si>
  <si>
    <t>22(2010)</t>
  </si>
  <si>
    <t>17(2005)</t>
  </si>
  <si>
    <t>12(2000)</t>
  </si>
  <si>
    <t>7(1995)</t>
  </si>
  <si>
    <t>2(1990)</t>
  </si>
  <si>
    <t>元</t>
  </si>
  <si>
    <t>昭和63年</t>
  </si>
  <si>
    <t>60(1985)</t>
  </si>
  <si>
    <t>55(1980)</t>
  </si>
  <si>
    <t>50(1975)</t>
  </si>
  <si>
    <t>45(1970)</t>
  </si>
  <si>
    <t>令和6年１月１日現在</t>
  </si>
  <si>
    <t>(注)人口密度は、国土交通省国土地理院「全国都道府県市区町村別面積調（令和4年10月1日現在）」の数値に基づき算定。</t>
  </si>
  <si>
    <t>(令和5年中)</t>
  </si>
  <si>
    <t>(注)人口は令和6年１月１日現在。</t>
  </si>
  <si>
    <t>※地域(令和6年１月１日現在)</t>
  </si>
  <si>
    <t>月別地域別人口(令和5年)</t>
  </si>
  <si>
    <t>令和5年11月１日</t>
  </si>
  <si>
    <t>令和5年12月１日</t>
  </si>
  <si>
    <t>令和5年９月１日</t>
  </si>
  <si>
    <t>令和5年10月１日</t>
  </si>
  <si>
    <t>令和5年７月１日</t>
  </si>
  <si>
    <t>令和5年８月１日</t>
  </si>
  <si>
    <t>令和5年５月１日</t>
  </si>
  <si>
    <t>令和5年６月１日</t>
  </si>
  <si>
    <t>令和5年３月１日</t>
  </si>
  <si>
    <t>令和5年４月１日</t>
  </si>
  <si>
    <t>令和5年１月１日</t>
  </si>
  <si>
    <t>令和5年２月１日</t>
  </si>
  <si>
    <t>令和5年</t>
  </si>
  <si>
    <t>40(1965)</t>
  </si>
  <si>
    <t>35(1960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_ "/>
    <numFmt numFmtId="177" formatCode="0.00_ ;\-0.00\ "/>
    <numFmt numFmtId="178" formatCode="#,##0.00_ "/>
    <numFmt numFmtId="179" formatCode="#,##0.0_ "/>
    <numFmt numFmtId="180" formatCode="0.0_ "/>
    <numFmt numFmtId="181" formatCode="0.0_);[Red]\(0.0\)"/>
  </numFmts>
  <fonts count="18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sz val="8"/>
      <name val="HGPｺﾞｼｯｸM"/>
      <family val="3"/>
      <charset val="128"/>
    </font>
    <font>
      <b/>
      <sz val="8"/>
      <color theme="1"/>
      <name val="HGPｺﾞｼｯｸM"/>
      <family val="3"/>
      <charset val="128"/>
    </font>
    <font>
      <sz val="6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b/>
      <sz val="8"/>
      <name val="HGPｺﾞｼｯｸM"/>
      <family val="3"/>
      <charset val="128"/>
    </font>
    <font>
      <sz val="12"/>
      <name val="ＭＳ 明朝"/>
      <family val="2"/>
      <charset val="128"/>
    </font>
    <font>
      <vertAlign val="superscript"/>
      <sz val="8"/>
      <color theme="1"/>
      <name val="HGPｺﾞｼｯｸM"/>
      <family val="3"/>
      <charset val="128"/>
    </font>
    <font>
      <sz val="7"/>
      <color theme="1"/>
      <name val="HGPｺﾞｼｯｸM"/>
      <family val="3"/>
      <charset val="128"/>
    </font>
    <font>
      <sz val="8"/>
      <color rgb="FF000000"/>
      <name val="HGPｺﾞｼｯｸM"/>
      <family val="3"/>
      <charset val="128"/>
    </font>
    <font>
      <sz val="7"/>
      <color rgb="FF000000"/>
      <name val="HGPｺﾞｼｯｸM"/>
      <family val="3"/>
      <charset val="128"/>
    </font>
    <font>
      <vertAlign val="superscript"/>
      <sz val="7"/>
      <color theme="1"/>
      <name val="HGPｺﾞｼｯｸM"/>
      <family val="3"/>
      <charset val="128"/>
    </font>
    <font>
      <sz val="6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79998168889431442"/>
        <bgColor indexed="64"/>
      </patternFill>
    </fill>
  </fills>
  <borders count="4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63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2" xfId="0" applyFont="1" applyBorder="1" applyAlignment="1">
      <alignment horizontal="left" vertical="center" wrapText="1"/>
    </xf>
    <xf numFmtId="0" fontId="3" fillId="0" borderId="5" xfId="0" applyFont="1" applyBorder="1" applyAlignment="1">
      <alignment horizontal="left" vertical="center" wrapText="1"/>
    </xf>
    <xf numFmtId="0" fontId="3" fillId="0" borderId="10" xfId="0" applyFont="1" applyBorder="1" applyAlignment="1">
      <alignment horizontal="center" vertical="center" wrapText="1"/>
    </xf>
    <xf numFmtId="0" fontId="3" fillId="0" borderId="12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7" xfId="0" applyFont="1" applyBorder="1">
      <alignment vertical="center"/>
    </xf>
    <xf numFmtId="0" fontId="3" fillId="0" borderId="19" xfId="0" applyFont="1" applyBorder="1">
      <alignment vertical="center"/>
    </xf>
    <xf numFmtId="0" fontId="3" fillId="0" borderId="0" xfId="0" applyFont="1" applyBorder="1" applyAlignment="1">
      <alignment horizontal="right" vertical="center"/>
    </xf>
    <xf numFmtId="0" fontId="3" fillId="0" borderId="8" xfId="0" applyFont="1" applyBorder="1" applyAlignment="1">
      <alignment horizontal="right" vertical="center"/>
    </xf>
    <xf numFmtId="0" fontId="3" fillId="0" borderId="11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0" fontId="4" fillId="2" borderId="7" xfId="0" applyFont="1" applyFill="1" applyBorder="1" applyAlignment="1">
      <alignment horizontal="distributed" vertical="center"/>
    </xf>
    <xf numFmtId="0" fontId="5" fillId="2" borderId="0" xfId="0" applyFont="1" applyFill="1" applyBorder="1" applyAlignment="1">
      <alignment horizontal="distributed" vertical="center"/>
    </xf>
    <xf numFmtId="0" fontId="5" fillId="2" borderId="0" xfId="0" applyFont="1" applyFill="1" applyBorder="1">
      <alignment vertical="center"/>
    </xf>
    <xf numFmtId="176" fontId="5" fillId="2" borderId="8" xfId="0" applyNumberFormat="1" applyFont="1" applyFill="1" applyBorder="1">
      <alignment vertical="center"/>
    </xf>
    <xf numFmtId="176" fontId="5" fillId="2" borderId="8" xfId="0" applyNumberFormat="1" applyFont="1" applyFill="1" applyBorder="1" applyAlignment="1">
      <alignment horizontal="center" vertical="center"/>
    </xf>
    <xf numFmtId="177" fontId="5" fillId="2" borderId="8" xfId="0" applyNumberFormat="1" applyFont="1" applyFill="1" applyBorder="1" applyAlignment="1">
      <alignment horizontal="center" vertical="center"/>
    </xf>
    <xf numFmtId="176" fontId="5" fillId="2" borderId="0" xfId="0" applyNumberFormat="1" applyFont="1" applyFill="1" applyBorder="1">
      <alignment vertical="center"/>
    </xf>
    <xf numFmtId="178" fontId="5" fillId="2" borderId="13" xfId="0" applyNumberFormat="1" applyFont="1" applyFill="1" applyBorder="1">
      <alignment vertical="center"/>
    </xf>
    <xf numFmtId="0" fontId="4" fillId="0" borderId="7" xfId="0" applyFont="1" applyFill="1" applyBorder="1" applyAlignment="1">
      <alignment horizontal="distributed" vertical="center"/>
    </xf>
    <xf numFmtId="0" fontId="6" fillId="0" borderId="0" xfId="0" applyFont="1" applyFill="1" applyBorder="1" applyAlignment="1">
      <alignment horizontal="distributed" vertical="center"/>
    </xf>
    <xf numFmtId="0" fontId="5" fillId="0" borderId="0" xfId="0" applyFont="1" applyFill="1" applyBorder="1">
      <alignment vertical="center"/>
    </xf>
    <xf numFmtId="176" fontId="6" fillId="0" borderId="8" xfId="0" applyNumberFormat="1" applyFont="1" applyFill="1" applyBorder="1" applyAlignment="1">
      <alignment horizontal="right" vertical="center"/>
    </xf>
    <xf numFmtId="177" fontId="6" fillId="0" borderId="8" xfId="0" applyNumberFormat="1" applyFont="1" applyFill="1" applyBorder="1" applyAlignment="1">
      <alignment horizontal="right" vertical="center"/>
    </xf>
    <xf numFmtId="176" fontId="6" fillId="0" borderId="0" xfId="0" applyNumberFormat="1" applyFont="1" applyFill="1" applyBorder="1" applyAlignment="1">
      <alignment horizontal="right" vertical="center"/>
    </xf>
    <xf numFmtId="178" fontId="6" fillId="0" borderId="13" xfId="0" applyNumberFormat="1" applyFont="1" applyFill="1" applyBorder="1" applyAlignment="1">
      <alignment horizontal="right"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7" fillId="0" borderId="7" xfId="0" applyFont="1" applyFill="1" applyBorder="1" applyAlignment="1">
      <alignment horizontal="distributed" vertical="center"/>
    </xf>
    <xf numFmtId="0" fontId="3" fillId="0" borderId="0" xfId="0" applyFont="1" applyFill="1" applyBorder="1">
      <alignment vertical="center"/>
    </xf>
    <xf numFmtId="176" fontId="3" fillId="0" borderId="8" xfId="0" applyNumberFormat="1" applyFont="1" applyFill="1" applyBorder="1" applyAlignment="1">
      <alignment horizontal="right" vertical="center"/>
    </xf>
    <xf numFmtId="177" fontId="3" fillId="0" borderId="8" xfId="0" applyNumberFormat="1" applyFont="1" applyFill="1" applyBorder="1" applyAlignment="1">
      <alignment horizontal="right" vertical="center"/>
    </xf>
    <xf numFmtId="176" fontId="3" fillId="0" borderId="0" xfId="0" applyNumberFormat="1" applyFont="1" applyFill="1" applyBorder="1" applyAlignment="1">
      <alignment horizontal="right" vertical="center"/>
    </xf>
    <xf numFmtId="178" fontId="3" fillId="0" borderId="13" xfId="0" applyNumberFormat="1" applyFont="1" applyFill="1" applyBorder="1" applyAlignment="1">
      <alignment horizontal="right" vertical="center"/>
    </xf>
    <xf numFmtId="0" fontId="3" fillId="3" borderId="7" xfId="0" applyFont="1" applyFill="1" applyBorder="1" applyAlignment="1">
      <alignment horizontal="distributed" vertical="center"/>
    </xf>
    <xf numFmtId="0" fontId="6" fillId="3" borderId="0" xfId="0" applyFont="1" applyFill="1" applyBorder="1" applyAlignment="1">
      <alignment horizontal="distributed" vertical="center"/>
    </xf>
    <xf numFmtId="0" fontId="3" fillId="3" borderId="0" xfId="0" applyFont="1" applyFill="1" applyBorder="1">
      <alignment vertical="center"/>
    </xf>
    <xf numFmtId="176" fontId="3" fillId="3" borderId="8" xfId="0" applyNumberFormat="1" applyFont="1" applyFill="1" applyBorder="1" applyAlignment="1">
      <alignment horizontal="right" vertical="center"/>
    </xf>
    <xf numFmtId="177" fontId="3" fillId="3" borderId="8" xfId="0" applyNumberFormat="1" applyFont="1" applyFill="1" applyBorder="1" applyAlignment="1">
      <alignment horizontal="right" vertical="center"/>
    </xf>
    <xf numFmtId="176" fontId="3" fillId="3" borderId="0" xfId="0" applyNumberFormat="1" applyFont="1" applyFill="1" applyBorder="1" applyAlignment="1">
      <alignment horizontal="right" vertical="center"/>
    </xf>
    <xf numFmtId="178" fontId="3" fillId="3" borderId="13" xfId="0" applyNumberFormat="1" applyFont="1" applyFill="1" applyBorder="1" applyAlignment="1">
      <alignment horizontal="right" vertical="center"/>
    </xf>
    <xf numFmtId="0" fontId="3" fillId="0" borderId="7" xfId="0" applyFont="1" applyFill="1" applyBorder="1" applyAlignment="1">
      <alignment horizontal="distributed" vertical="center"/>
    </xf>
    <xf numFmtId="0" fontId="8" fillId="0" borderId="0" xfId="0" applyFont="1" applyFill="1" applyBorder="1" applyAlignment="1">
      <alignment vertical="center"/>
    </xf>
    <xf numFmtId="0" fontId="3" fillId="0" borderId="0" xfId="0" applyFont="1" applyFill="1" applyAlignment="1">
      <alignment vertical="center"/>
    </xf>
    <xf numFmtId="0" fontId="0" fillId="0" borderId="0" xfId="0" applyFill="1" applyAlignment="1">
      <alignment vertical="center"/>
    </xf>
    <xf numFmtId="0" fontId="3" fillId="0" borderId="0" xfId="0" applyFont="1" applyBorder="1">
      <alignment vertical="center"/>
    </xf>
    <xf numFmtId="0" fontId="5" fillId="2" borderId="7" xfId="0" applyFont="1" applyFill="1" applyBorder="1" applyAlignment="1">
      <alignment horizontal="distributed" vertical="center"/>
    </xf>
    <xf numFmtId="176" fontId="5" fillId="2" borderId="8" xfId="0" applyNumberFormat="1" applyFont="1" applyFill="1" applyBorder="1" applyAlignment="1">
      <alignment horizontal="right" vertical="center"/>
    </xf>
    <xf numFmtId="180" fontId="5" fillId="2" borderId="0" xfId="0" applyNumberFormat="1" applyFont="1" applyFill="1" applyBorder="1" applyAlignment="1">
      <alignment horizontal="right" vertical="center"/>
    </xf>
    <xf numFmtId="180" fontId="5" fillId="2" borderId="13" xfId="0" applyNumberFormat="1" applyFont="1" applyFill="1" applyBorder="1" applyAlignment="1">
      <alignment horizontal="right" vertical="center"/>
    </xf>
    <xf numFmtId="0" fontId="3" fillId="0" borderId="0" xfId="0" applyFont="1" applyFill="1" applyBorder="1" applyAlignment="1">
      <alignment horizontal="distributed" vertical="center"/>
    </xf>
    <xf numFmtId="180" fontId="3" fillId="0" borderId="0" xfId="0" applyNumberFormat="1" applyFont="1" applyFill="1" applyBorder="1" applyAlignment="1">
      <alignment horizontal="right" vertical="center"/>
    </xf>
    <xf numFmtId="180" fontId="3" fillId="0" borderId="13" xfId="0" applyNumberFormat="1" applyFont="1" applyFill="1" applyBorder="1" applyAlignment="1">
      <alignment horizontal="right" vertical="center"/>
    </xf>
    <xf numFmtId="0" fontId="3" fillId="3" borderId="0" xfId="0" applyFont="1" applyFill="1" applyBorder="1" applyAlignment="1">
      <alignment horizontal="distributed" vertical="center"/>
    </xf>
    <xf numFmtId="180" fontId="3" fillId="3" borderId="0" xfId="0" applyNumberFormat="1" applyFont="1" applyFill="1" applyBorder="1" applyAlignment="1">
      <alignment horizontal="right" vertical="center"/>
    </xf>
    <xf numFmtId="180" fontId="3" fillId="3" borderId="13" xfId="0" applyNumberFormat="1" applyFont="1" applyFill="1" applyBorder="1" applyAlignment="1">
      <alignment horizontal="right" vertical="center"/>
    </xf>
    <xf numFmtId="0" fontId="3" fillId="0" borderId="7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176" fontId="3" fillId="0" borderId="8" xfId="0" applyNumberFormat="1" applyFont="1" applyBorder="1" applyAlignment="1">
      <alignment horizontal="right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24" xfId="0" applyFont="1" applyBorder="1" applyAlignment="1">
      <alignment horizontal="center" vertical="center"/>
    </xf>
    <xf numFmtId="176" fontId="5" fillId="2" borderId="13" xfId="0" applyNumberFormat="1" applyFont="1" applyFill="1" applyBorder="1" applyAlignment="1">
      <alignment horizontal="right" vertical="center"/>
    </xf>
    <xf numFmtId="176" fontId="6" fillId="0" borderId="13" xfId="0" applyNumberFormat="1" applyFont="1" applyFill="1" applyBorder="1" applyAlignment="1">
      <alignment horizontal="right" vertical="center"/>
    </xf>
    <xf numFmtId="176" fontId="6" fillId="3" borderId="8" xfId="0" applyNumberFormat="1" applyFont="1" applyFill="1" applyBorder="1" applyAlignment="1">
      <alignment horizontal="right" vertical="center"/>
    </xf>
    <xf numFmtId="176" fontId="6" fillId="3" borderId="13" xfId="0" applyNumberFormat="1" applyFont="1" applyFill="1" applyBorder="1" applyAlignment="1">
      <alignment horizontal="right" vertical="center"/>
    </xf>
    <xf numFmtId="176" fontId="3" fillId="0" borderId="13" xfId="0" applyNumberFormat="1" applyFont="1" applyFill="1" applyBorder="1" applyAlignment="1">
      <alignment horizontal="right" vertical="center"/>
    </xf>
    <xf numFmtId="176" fontId="3" fillId="3" borderId="13" xfId="0" applyNumberFormat="1" applyFont="1" applyFill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0" fontId="3" fillId="0" borderId="0" xfId="0" applyFont="1" applyAlignment="1">
      <alignment vertical="top"/>
    </xf>
    <xf numFmtId="0" fontId="3" fillId="0" borderId="0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27" xfId="0" applyFont="1" applyBorder="1" applyAlignment="1">
      <alignment horizontal="right" vertical="center"/>
    </xf>
    <xf numFmtId="0" fontId="5" fillId="2" borderId="7" xfId="0" applyFont="1" applyFill="1" applyBorder="1">
      <alignment vertical="center"/>
    </xf>
    <xf numFmtId="0" fontId="5" fillId="2" borderId="0" xfId="0" applyFont="1" applyFill="1" applyBorder="1" applyAlignment="1">
      <alignment horizontal="center" vertical="center"/>
    </xf>
    <xf numFmtId="176" fontId="5" fillId="2" borderId="27" xfId="0" applyNumberFormat="1" applyFont="1" applyFill="1" applyBorder="1" applyAlignment="1">
      <alignment horizontal="right" vertical="center"/>
    </xf>
    <xf numFmtId="176" fontId="3" fillId="0" borderId="27" xfId="0" applyNumberFormat="1" applyFont="1" applyBorder="1" applyAlignment="1">
      <alignment horizontal="right" vertical="center"/>
    </xf>
    <xf numFmtId="0" fontId="3" fillId="0" borderId="28" xfId="0" applyFont="1" applyBorder="1">
      <alignment vertical="center"/>
    </xf>
    <xf numFmtId="0" fontId="3" fillId="0" borderId="29" xfId="0" applyFont="1" applyBorder="1" applyAlignment="1">
      <alignment horizontal="center" vertical="center"/>
    </xf>
    <xf numFmtId="0" fontId="3" fillId="0" borderId="29" xfId="0" applyFont="1" applyBorder="1">
      <alignment vertical="center"/>
    </xf>
    <xf numFmtId="176" fontId="3" fillId="0" borderId="30" xfId="0" applyNumberFormat="1" applyFont="1" applyBorder="1" applyAlignment="1">
      <alignment horizontal="right" vertical="center"/>
    </xf>
    <xf numFmtId="176" fontId="3" fillId="0" borderId="31" xfId="0" applyNumberFormat="1" applyFont="1" applyBorder="1" applyAlignment="1">
      <alignment horizontal="right" vertical="center"/>
    </xf>
    <xf numFmtId="0" fontId="1" fillId="0" borderId="0" xfId="0" applyFont="1" applyAlignment="1">
      <alignment horizontal="left" vertical="center"/>
    </xf>
    <xf numFmtId="0" fontId="1" fillId="0" borderId="0" xfId="0" applyFont="1" applyBorder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3" fillId="0" borderId="21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9" xfId="0" applyFont="1" applyBorder="1" applyAlignment="1">
      <alignment horizontal="right" vertical="center"/>
    </xf>
    <xf numFmtId="0" fontId="3" fillId="0" borderId="9" xfId="0" applyFont="1" applyBorder="1">
      <alignment vertical="center"/>
    </xf>
    <xf numFmtId="0" fontId="3" fillId="0" borderId="27" xfId="0" applyFont="1" applyBorder="1">
      <alignment vertical="center"/>
    </xf>
    <xf numFmtId="176" fontId="5" fillId="2" borderId="9" xfId="0" applyNumberFormat="1" applyFont="1" applyFill="1" applyBorder="1" applyAlignment="1">
      <alignment horizontal="right" vertical="center"/>
    </xf>
    <xf numFmtId="0" fontId="4" fillId="2" borderId="9" xfId="0" applyFont="1" applyFill="1" applyBorder="1" applyAlignment="1">
      <alignment horizontal="distributed" vertical="center"/>
    </xf>
    <xf numFmtId="0" fontId="5" fillId="2" borderId="27" xfId="0" applyFont="1" applyFill="1" applyBorder="1">
      <alignment vertical="center"/>
    </xf>
    <xf numFmtId="176" fontId="3" fillId="0" borderId="9" xfId="0" applyNumberFormat="1" applyFont="1" applyFill="1" applyBorder="1" applyAlignment="1">
      <alignment horizontal="right" vertical="center"/>
    </xf>
    <xf numFmtId="0" fontId="7" fillId="0" borderId="9" xfId="0" applyFont="1" applyFill="1" applyBorder="1" applyAlignment="1">
      <alignment horizontal="distributed" vertical="center"/>
    </xf>
    <xf numFmtId="0" fontId="3" fillId="0" borderId="27" xfId="0" applyFont="1" applyFill="1" applyBorder="1">
      <alignment vertical="center"/>
    </xf>
    <xf numFmtId="0" fontId="3" fillId="3" borderId="10" xfId="0" applyFont="1" applyFill="1" applyBorder="1" applyAlignment="1">
      <alignment horizontal="distributed" vertical="center"/>
    </xf>
    <xf numFmtId="176" fontId="3" fillId="3" borderId="9" xfId="0" applyNumberFormat="1" applyFont="1" applyFill="1" applyBorder="1" applyAlignment="1">
      <alignment horizontal="right" vertical="center"/>
    </xf>
    <xf numFmtId="0" fontId="3" fillId="3" borderId="9" xfId="0" applyFont="1" applyFill="1" applyBorder="1" applyAlignment="1">
      <alignment horizontal="distributed" vertical="center"/>
    </xf>
    <xf numFmtId="0" fontId="3" fillId="3" borderId="27" xfId="0" applyFont="1" applyFill="1" applyBorder="1" applyAlignment="1">
      <alignment horizontal="distributed" vertical="center"/>
    </xf>
    <xf numFmtId="0" fontId="3" fillId="0" borderId="10" xfId="0" applyFont="1" applyFill="1" applyBorder="1" applyAlignment="1">
      <alignment horizontal="distributed" vertical="center"/>
    </xf>
    <xf numFmtId="0" fontId="3" fillId="0" borderId="9" xfId="0" applyFont="1" applyFill="1" applyBorder="1" applyAlignment="1">
      <alignment horizontal="distributed" vertical="center"/>
    </xf>
    <xf numFmtId="0" fontId="3" fillId="0" borderId="27" xfId="0" applyFont="1" applyFill="1" applyBorder="1" applyAlignment="1">
      <alignment horizontal="distributed" vertical="center"/>
    </xf>
    <xf numFmtId="0" fontId="3" fillId="3" borderId="27" xfId="0" applyFont="1" applyFill="1" applyBorder="1">
      <alignment vertical="center"/>
    </xf>
    <xf numFmtId="0" fontId="10" fillId="0" borderId="7" xfId="0" applyFont="1" applyFill="1" applyBorder="1" applyAlignment="1">
      <alignment horizontal="distributed" vertical="center"/>
    </xf>
    <xf numFmtId="0" fontId="6" fillId="0" borderId="0" xfId="0" applyFont="1" applyFill="1" applyBorder="1">
      <alignment vertical="center"/>
    </xf>
    <xf numFmtId="176" fontId="6" fillId="0" borderId="9" xfId="0" applyNumberFormat="1" applyFont="1" applyFill="1" applyBorder="1" applyAlignment="1">
      <alignment horizontal="right" vertical="center"/>
    </xf>
    <xf numFmtId="0" fontId="10" fillId="0" borderId="9" xfId="0" applyFont="1" applyFill="1" applyBorder="1" applyAlignment="1">
      <alignment horizontal="distributed" vertical="center"/>
    </xf>
    <xf numFmtId="0" fontId="6" fillId="0" borderId="27" xfId="0" applyFont="1" applyFill="1" applyBorder="1">
      <alignment vertical="center"/>
    </xf>
    <xf numFmtId="0" fontId="11" fillId="0" borderId="0" xfId="0" applyFont="1" applyFill="1">
      <alignment vertical="center"/>
    </xf>
    <xf numFmtId="0" fontId="6" fillId="0" borderId="0" xfId="0" applyFont="1" applyFill="1">
      <alignment vertical="center"/>
    </xf>
    <xf numFmtId="0" fontId="3" fillId="0" borderId="0" xfId="0" applyFont="1" applyBorder="1" applyAlignment="1">
      <alignment horizontal="left" vertical="center"/>
    </xf>
    <xf numFmtId="0" fontId="3" fillId="2" borderId="7" xfId="0" applyFont="1" applyFill="1" applyBorder="1">
      <alignment vertical="center"/>
    </xf>
    <xf numFmtId="0" fontId="4" fillId="2" borderId="0" xfId="0" applyFont="1" applyFill="1" applyBorder="1" applyAlignment="1">
      <alignment horizontal="left" vertical="center"/>
    </xf>
    <xf numFmtId="177" fontId="5" fillId="2" borderId="8" xfId="0" applyNumberFormat="1" applyFont="1" applyFill="1" applyBorder="1">
      <alignment vertical="center"/>
    </xf>
    <xf numFmtId="177" fontId="5" fillId="2" borderId="27" xfId="0" applyNumberFormat="1" applyFont="1" applyFill="1" applyBorder="1">
      <alignment vertical="center"/>
    </xf>
    <xf numFmtId="0" fontId="0" fillId="0" borderId="7" xfId="0" applyFill="1" applyBorder="1">
      <alignment vertical="center"/>
    </xf>
    <xf numFmtId="0" fontId="7" fillId="0" borderId="0" xfId="0" applyFont="1" applyFill="1" applyBorder="1" applyAlignment="1">
      <alignment horizontal="left" vertical="center"/>
    </xf>
    <xf numFmtId="176" fontId="3" fillId="0" borderId="8" xfId="0" applyNumberFormat="1" applyFont="1" applyFill="1" applyBorder="1">
      <alignment vertical="center"/>
    </xf>
    <xf numFmtId="177" fontId="3" fillId="0" borderId="8" xfId="0" applyNumberFormat="1" applyFont="1" applyFill="1" applyBorder="1">
      <alignment vertical="center"/>
    </xf>
    <xf numFmtId="177" fontId="3" fillId="0" borderId="27" xfId="0" applyNumberFormat="1" applyFont="1" applyFill="1" applyBorder="1">
      <alignment vertical="center"/>
    </xf>
    <xf numFmtId="0" fontId="3" fillId="3" borderId="7" xfId="0" applyFont="1" applyFill="1" applyBorder="1">
      <alignment vertical="center"/>
    </xf>
    <xf numFmtId="0" fontId="7" fillId="3" borderId="0" xfId="0" applyFont="1" applyFill="1" applyBorder="1" applyAlignment="1">
      <alignment horizontal="left" vertical="center"/>
    </xf>
    <xf numFmtId="176" fontId="3" fillId="3" borderId="8" xfId="0" applyNumberFormat="1" applyFont="1" applyFill="1" applyBorder="1">
      <alignment vertical="center"/>
    </xf>
    <xf numFmtId="177" fontId="3" fillId="3" borderId="8" xfId="0" applyNumberFormat="1" applyFont="1" applyFill="1" applyBorder="1">
      <alignment vertical="center"/>
    </xf>
    <xf numFmtId="177" fontId="3" fillId="3" borderId="27" xfId="0" applyNumberFormat="1" applyFont="1" applyFill="1" applyBorder="1">
      <alignment vertical="center"/>
    </xf>
    <xf numFmtId="176" fontId="3" fillId="0" borderId="8" xfId="0" applyNumberFormat="1" applyFont="1" applyBorder="1">
      <alignment vertical="center"/>
    </xf>
    <xf numFmtId="177" fontId="3" fillId="0" borderId="8" xfId="0" applyNumberFormat="1" applyFont="1" applyBorder="1">
      <alignment vertical="center"/>
    </xf>
    <xf numFmtId="177" fontId="3" fillId="0" borderId="27" xfId="0" applyNumberFormat="1" applyFont="1" applyBorder="1">
      <alignment vertical="center"/>
    </xf>
    <xf numFmtId="0" fontId="3" fillId="0" borderId="28" xfId="0" applyFont="1" applyBorder="1" applyAlignment="1">
      <alignment horizontal="distributed" vertical="center"/>
    </xf>
    <xf numFmtId="176" fontId="5" fillId="2" borderId="13" xfId="0" applyNumberFormat="1" applyFont="1" applyFill="1" applyBorder="1">
      <alignment vertical="center"/>
    </xf>
    <xf numFmtId="176" fontId="3" fillId="0" borderId="13" xfId="0" applyNumberFormat="1" applyFont="1" applyFill="1" applyBorder="1">
      <alignment vertical="center"/>
    </xf>
    <xf numFmtId="176" fontId="3" fillId="3" borderId="13" xfId="0" applyNumberFormat="1" applyFont="1" applyFill="1" applyBorder="1">
      <alignment vertical="center"/>
    </xf>
    <xf numFmtId="176" fontId="3" fillId="0" borderId="13" xfId="0" applyNumberFormat="1" applyFont="1" applyBorder="1">
      <alignment vertical="center"/>
    </xf>
    <xf numFmtId="0" fontId="3" fillId="0" borderId="29" xfId="0" applyFont="1" applyBorder="1" applyAlignment="1">
      <alignment horizontal="left" vertical="center"/>
    </xf>
    <xf numFmtId="0" fontId="3" fillId="0" borderId="34" xfId="0" applyFont="1" applyBorder="1">
      <alignment vertical="center"/>
    </xf>
    <xf numFmtId="176" fontId="3" fillId="0" borderId="30" xfId="0" applyNumberFormat="1" applyFont="1" applyBorder="1">
      <alignment vertical="center"/>
    </xf>
    <xf numFmtId="176" fontId="3" fillId="0" borderId="35" xfId="0" applyNumberFormat="1" applyFont="1" applyBorder="1">
      <alignment vertical="center"/>
    </xf>
    <xf numFmtId="0" fontId="8" fillId="0" borderId="0" xfId="0" applyFont="1">
      <alignment vertical="center"/>
    </xf>
    <xf numFmtId="0" fontId="3" fillId="2" borderId="0" xfId="0" applyFont="1" applyFill="1" applyBorder="1">
      <alignment vertical="center"/>
    </xf>
    <xf numFmtId="0" fontId="3" fillId="0" borderId="7" xfId="0" applyFont="1" applyFill="1" applyBorder="1">
      <alignment vertical="center"/>
    </xf>
    <xf numFmtId="0" fontId="3" fillId="0" borderId="10" xfId="0" applyFont="1" applyBorder="1" applyAlignment="1">
      <alignment horizontal="distributed" vertical="center"/>
    </xf>
    <xf numFmtId="0" fontId="3" fillId="0" borderId="27" xfId="0" applyFont="1" applyBorder="1" applyAlignment="1">
      <alignment horizontal="distributed" vertical="center"/>
    </xf>
    <xf numFmtId="0" fontId="3" fillId="0" borderId="29" xfId="0" applyFont="1" applyBorder="1" applyAlignment="1">
      <alignment horizontal="distributed" vertical="center"/>
    </xf>
    <xf numFmtId="0" fontId="3" fillId="0" borderId="31" xfId="0" applyFont="1" applyBorder="1">
      <alignment vertical="center"/>
    </xf>
    <xf numFmtId="0" fontId="1" fillId="0" borderId="0" xfId="0" applyFont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37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center"/>
    </xf>
    <xf numFmtId="0" fontId="3" fillId="0" borderId="40" xfId="0" applyFont="1" applyBorder="1" applyAlignment="1">
      <alignment horizontal="center" vertical="center"/>
    </xf>
    <xf numFmtId="0" fontId="3" fillId="0" borderId="10" xfId="0" applyFont="1" applyBorder="1" applyAlignment="1">
      <alignment horizontal="right" vertical="center"/>
    </xf>
    <xf numFmtId="180" fontId="3" fillId="0" borderId="8" xfId="0" applyNumberFormat="1" applyFont="1" applyBorder="1">
      <alignment vertical="center"/>
    </xf>
    <xf numFmtId="176" fontId="3" fillId="0" borderId="10" xfId="0" applyNumberFormat="1" applyFont="1" applyBorder="1">
      <alignment vertical="center"/>
    </xf>
    <xf numFmtId="178" fontId="3" fillId="0" borderId="8" xfId="0" applyNumberFormat="1" applyFont="1" applyBorder="1">
      <alignment vertical="center"/>
    </xf>
    <xf numFmtId="178" fontId="3" fillId="0" borderId="13" xfId="0" applyNumberFormat="1" applyFont="1" applyBorder="1">
      <alignment vertical="center"/>
    </xf>
    <xf numFmtId="181" fontId="3" fillId="0" borderId="30" xfId="0" applyNumberFormat="1" applyFont="1" applyBorder="1">
      <alignment vertical="center"/>
    </xf>
    <xf numFmtId="176" fontId="3" fillId="0" borderId="34" xfId="0" applyNumberFormat="1" applyFont="1" applyBorder="1">
      <alignment vertical="center"/>
    </xf>
    <xf numFmtId="0" fontId="9" fillId="0" borderId="0" xfId="0" applyFont="1" applyAlignment="1">
      <alignment horizontal="distributed" vertical="center"/>
    </xf>
    <xf numFmtId="0" fontId="9" fillId="0" borderId="0" xfId="0" applyFont="1">
      <alignment vertical="center"/>
    </xf>
    <xf numFmtId="0" fontId="9" fillId="0" borderId="0" xfId="0" applyFont="1" applyAlignment="1">
      <alignment horizontal="center" vertical="center"/>
    </xf>
    <xf numFmtId="178" fontId="5" fillId="2" borderId="8" xfId="0" applyNumberFormat="1" applyFont="1" applyFill="1" applyBorder="1">
      <alignment vertical="center"/>
    </xf>
    <xf numFmtId="179" fontId="5" fillId="2" borderId="8" xfId="0" applyNumberFormat="1" applyFont="1" applyFill="1" applyBorder="1">
      <alignment vertical="center"/>
    </xf>
    <xf numFmtId="179" fontId="5" fillId="2" borderId="13" xfId="0" applyNumberFormat="1" applyFont="1" applyFill="1" applyBorder="1">
      <alignment vertical="center"/>
    </xf>
    <xf numFmtId="178" fontId="3" fillId="0" borderId="8" xfId="0" applyNumberFormat="1" applyFont="1" applyFill="1" applyBorder="1">
      <alignment vertical="center"/>
    </xf>
    <xf numFmtId="179" fontId="3" fillId="0" borderId="8" xfId="0" applyNumberFormat="1" applyFont="1" applyFill="1" applyBorder="1">
      <alignment vertical="center"/>
    </xf>
    <xf numFmtId="179" fontId="3" fillId="0" borderId="13" xfId="0" applyNumberFormat="1" applyFont="1" applyFill="1" applyBorder="1">
      <alignment vertical="center"/>
    </xf>
    <xf numFmtId="178" fontId="3" fillId="3" borderId="8" xfId="0" applyNumberFormat="1" applyFont="1" applyFill="1" applyBorder="1">
      <alignment vertical="center"/>
    </xf>
    <xf numFmtId="179" fontId="3" fillId="3" borderId="8" xfId="0" applyNumberFormat="1" applyFont="1" applyFill="1" applyBorder="1">
      <alignment vertical="center"/>
    </xf>
    <xf numFmtId="179" fontId="3" fillId="3" borderId="13" xfId="0" applyNumberFormat="1" applyFont="1" applyFill="1" applyBorder="1">
      <alignment vertical="center"/>
    </xf>
    <xf numFmtId="179" fontId="3" fillId="0" borderId="8" xfId="0" applyNumberFormat="1" applyFont="1" applyBorder="1">
      <alignment vertical="center"/>
    </xf>
    <xf numFmtId="179" fontId="3" fillId="0" borderId="13" xfId="0" applyNumberFormat="1" applyFont="1" applyBorder="1">
      <alignment vertical="center"/>
    </xf>
    <xf numFmtId="178" fontId="3" fillId="0" borderId="30" xfId="0" applyNumberFormat="1" applyFont="1" applyBorder="1">
      <alignment vertical="center"/>
    </xf>
    <xf numFmtId="179" fontId="3" fillId="0" borderId="30" xfId="0" applyNumberFormat="1" applyFont="1" applyBorder="1">
      <alignment vertical="center"/>
    </xf>
    <xf numFmtId="179" fontId="3" fillId="0" borderId="35" xfId="0" applyNumberFormat="1" applyFont="1" applyBorder="1">
      <alignment vertical="center"/>
    </xf>
    <xf numFmtId="0" fontId="14" fillId="0" borderId="0" xfId="0" applyFont="1">
      <alignment vertical="center"/>
    </xf>
    <xf numFmtId="0" fontId="15" fillId="0" borderId="0" xfId="0" applyFont="1">
      <alignment vertical="center"/>
    </xf>
    <xf numFmtId="0" fontId="3" fillId="0" borderId="29" xfId="0" applyFont="1" applyBorder="1" applyAlignment="1">
      <alignment horizontal="right" vertical="center"/>
    </xf>
    <xf numFmtId="58" fontId="6" fillId="0" borderId="0" xfId="0" applyNumberFormat="1" applyFont="1" applyBorder="1" applyAlignment="1" applyProtection="1">
      <alignment horizontal="distributed" vertical="center"/>
    </xf>
    <xf numFmtId="178" fontId="3" fillId="0" borderId="8" xfId="0" applyNumberFormat="1" applyFont="1" applyBorder="1" applyAlignment="1">
      <alignment horizontal="right" vertical="center"/>
    </xf>
    <xf numFmtId="58" fontId="6" fillId="0" borderId="0" xfId="0" applyNumberFormat="1" applyFont="1" applyBorder="1" applyAlignment="1" applyProtection="1">
      <alignment horizontal="distributed" vertical="center" wrapText="1"/>
    </xf>
    <xf numFmtId="176" fontId="8" fillId="0" borderId="8" xfId="0" applyNumberFormat="1" applyFont="1" applyBorder="1" applyAlignment="1">
      <alignment horizontal="center" vertical="center"/>
    </xf>
    <xf numFmtId="0" fontId="6" fillId="0" borderId="0" xfId="0" applyFont="1" applyBorder="1" applyAlignment="1">
      <alignment horizontal="distributed" vertical="center"/>
    </xf>
    <xf numFmtId="177" fontId="3" fillId="0" borderId="8" xfId="0" applyNumberFormat="1" applyFont="1" applyBorder="1" applyAlignment="1">
      <alignment horizontal="right" vertical="center"/>
    </xf>
    <xf numFmtId="176" fontId="3" fillId="0" borderId="0" xfId="0" applyNumberFormat="1" applyFont="1" applyBorder="1" applyAlignment="1">
      <alignment horizontal="right" vertical="center"/>
    </xf>
    <xf numFmtId="178" fontId="3" fillId="0" borderId="13" xfId="0" applyNumberFormat="1" applyFont="1" applyBorder="1" applyAlignment="1">
      <alignment horizontal="right" vertical="center"/>
    </xf>
    <xf numFmtId="176" fontId="6" fillId="0" borderId="8" xfId="0" applyNumberFormat="1" applyFont="1" applyFill="1" applyBorder="1" applyAlignment="1">
      <alignment horizontal="center" vertical="center"/>
    </xf>
    <xf numFmtId="176" fontId="6" fillId="0" borderId="13" xfId="0" applyNumberFormat="1" applyFont="1" applyFill="1" applyBorder="1" applyAlignment="1">
      <alignment horizontal="center" vertical="center"/>
    </xf>
    <xf numFmtId="177" fontId="3" fillId="0" borderId="8" xfId="0" applyNumberFormat="1" applyFont="1" applyBorder="1" applyAlignment="1">
      <alignment horizontal="center" vertical="center"/>
    </xf>
    <xf numFmtId="176" fontId="3" fillId="0" borderId="0" xfId="0" applyNumberFormat="1" applyFont="1" applyBorder="1" applyAlignment="1">
      <alignment horizontal="center" vertical="center"/>
    </xf>
    <xf numFmtId="178" fontId="3" fillId="0" borderId="13" xfId="0" applyNumberFormat="1" applyFont="1" applyBorder="1" applyAlignment="1">
      <alignment horizontal="center" vertical="center"/>
    </xf>
    <xf numFmtId="176" fontId="6" fillId="3" borderId="8" xfId="0" applyNumberFormat="1" applyFont="1" applyFill="1" applyBorder="1" applyAlignment="1">
      <alignment horizontal="center" vertical="center"/>
    </xf>
    <xf numFmtId="176" fontId="6" fillId="3" borderId="13" xfId="0" applyNumberFormat="1" applyFont="1" applyFill="1" applyBorder="1" applyAlignment="1">
      <alignment horizontal="center" vertical="center"/>
    </xf>
    <xf numFmtId="180" fontId="3" fillId="0" borderId="0" xfId="0" applyNumberFormat="1" applyFont="1" applyBorder="1" applyAlignment="1">
      <alignment horizontal="right" vertical="center"/>
    </xf>
    <xf numFmtId="180" fontId="3" fillId="0" borderId="13" xfId="0" applyNumberFormat="1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0" fontId="3" fillId="0" borderId="9" xfId="0" applyFont="1" applyBorder="1" applyAlignment="1">
      <alignment horizontal="distributed" vertical="center"/>
    </xf>
    <xf numFmtId="0" fontId="1" fillId="0" borderId="0" xfId="0" applyFont="1" applyAlignment="1">
      <alignment vertical="center"/>
    </xf>
    <xf numFmtId="176" fontId="3" fillId="0" borderId="41" xfId="0" applyNumberFormat="1" applyFont="1" applyBorder="1" applyAlignment="1">
      <alignment horizontal="right" vertical="center"/>
    </xf>
    <xf numFmtId="0" fontId="3" fillId="0" borderId="41" xfId="0" applyFont="1" applyBorder="1" applyAlignment="1">
      <alignment horizontal="distributed" vertical="center"/>
    </xf>
    <xf numFmtId="0" fontId="3" fillId="0" borderId="2" xfId="0" applyFont="1" applyFill="1" applyBorder="1" applyAlignment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2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20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2" xfId="0" applyFont="1" applyBorder="1" applyAlignment="1">
      <alignment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23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right"/>
    </xf>
    <xf numFmtId="0" fontId="3" fillId="0" borderId="25" xfId="0" applyFont="1" applyBorder="1" applyAlignment="1">
      <alignment horizontal="center" vertical="center" wrapText="1"/>
    </xf>
    <xf numFmtId="0" fontId="3" fillId="0" borderId="22" xfId="0" applyFont="1" applyBorder="1" applyAlignment="1">
      <alignment horizontal="center" vertical="center" wrapText="1"/>
    </xf>
    <xf numFmtId="0" fontId="3" fillId="0" borderId="26" xfId="0" applyFont="1" applyBorder="1" applyAlignment="1">
      <alignment horizontal="center" vertical="center" wrapText="1"/>
    </xf>
    <xf numFmtId="0" fontId="1" fillId="0" borderId="0" xfId="0" applyFont="1" applyAlignment="1">
      <alignment horizontal="left" vertical="center"/>
    </xf>
    <xf numFmtId="0" fontId="3" fillId="0" borderId="0" xfId="0" applyFont="1" applyAlignment="1">
      <alignment horizontal="right" vertical="center"/>
    </xf>
    <xf numFmtId="0" fontId="9" fillId="0" borderId="29" xfId="0" applyFont="1" applyBorder="1" applyAlignment="1">
      <alignment horizontal="right"/>
    </xf>
    <xf numFmtId="0" fontId="3" fillId="0" borderId="32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0" xfId="0" applyFont="1" applyAlignment="1">
      <alignment horizontal="right"/>
    </xf>
    <xf numFmtId="0" fontId="3" fillId="0" borderId="33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9" fillId="0" borderId="0" xfId="0" applyFont="1">
      <alignment vertical="center"/>
    </xf>
    <xf numFmtId="0" fontId="9" fillId="0" borderId="0" xfId="0" applyFont="1" applyAlignment="1">
      <alignment horizontal="left" vertical="center"/>
    </xf>
    <xf numFmtId="0" fontId="3" fillId="0" borderId="3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 wrapText="1"/>
    </xf>
    <xf numFmtId="0" fontId="3" fillId="0" borderId="36" xfId="0" applyFont="1" applyBorder="1" applyAlignment="1">
      <alignment horizontal="center" vertical="center"/>
    </xf>
    <xf numFmtId="0" fontId="3" fillId="0" borderId="39" xfId="0" applyFont="1" applyBorder="1" applyAlignment="1">
      <alignment horizontal="center" vertical="center"/>
    </xf>
    <xf numFmtId="0" fontId="3" fillId="0" borderId="38" xfId="0" applyFont="1" applyBorder="1" applyAlignment="1">
      <alignment horizontal="center" vertical="center"/>
    </xf>
    <xf numFmtId="0" fontId="3" fillId="0" borderId="29" xfId="0" applyFont="1" applyBorder="1" applyAlignment="1">
      <alignment horizontal="right" vertical="center"/>
    </xf>
    <xf numFmtId="0" fontId="13" fillId="0" borderId="3" xfId="0" applyFont="1" applyBorder="1" applyAlignment="1">
      <alignment horizontal="center" vertical="center" wrapText="1"/>
    </xf>
    <xf numFmtId="0" fontId="13" fillId="0" borderId="16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2">
    <pageSetUpPr fitToPage="1"/>
  </sheetPr>
  <dimension ref="A1:S74"/>
  <sheetViews>
    <sheetView tabSelected="1" view="pageBreakPreview" zoomScaleNormal="100" zoomScaleSheetLayoutView="100" workbookViewId="0">
      <selection sqref="A1:L1"/>
    </sheetView>
  </sheetViews>
  <sheetFormatPr defaultRowHeight="14.25"/>
  <cols>
    <col min="1" max="1" width="1.75" style="1" customWidth="1"/>
    <col min="2" max="2" width="7.625" style="1" customWidth="1"/>
    <col min="3" max="3" width="1.25" style="1" customWidth="1"/>
    <col min="4" max="4" width="8.75" style="1" customWidth="1"/>
    <col min="5" max="5" width="7.875" style="1" customWidth="1"/>
    <col min="6" max="6" width="7.5" style="1" customWidth="1"/>
    <col min="7" max="7" width="7.875" style="1" customWidth="1"/>
    <col min="8" max="8" width="7.5" style="1" customWidth="1"/>
    <col min="9" max="9" width="7.875" style="1" customWidth="1"/>
    <col min="10" max="10" width="7.5" style="1" customWidth="1"/>
    <col min="11" max="11" width="8.75" style="1" customWidth="1"/>
    <col min="12" max="12" width="7.5" style="1" customWidth="1"/>
    <col min="13" max="19" width="6.875" style="1" customWidth="1"/>
  </cols>
  <sheetData>
    <row r="1" spans="1:19" ht="18.75" customHeight="1">
      <c r="A1" s="206" t="s">
        <v>0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</row>
    <row r="2" spans="1:19" ht="15" customHeight="1" thickBot="1">
      <c r="A2" s="207" t="s">
        <v>1</v>
      </c>
      <c r="B2" s="207"/>
      <c r="C2" s="207"/>
      <c r="K2" s="3"/>
      <c r="L2" s="3"/>
    </row>
    <row r="3" spans="1:19" ht="11.25" customHeight="1">
      <c r="A3" s="208" t="s">
        <v>2</v>
      </c>
      <c r="B3" s="209"/>
      <c r="C3" s="209"/>
      <c r="D3" s="214" t="s">
        <v>3</v>
      </c>
      <c r="E3" s="217" t="s">
        <v>4</v>
      </c>
      <c r="F3" s="4"/>
      <c r="G3" s="4"/>
      <c r="H3" s="4"/>
      <c r="I3" s="4"/>
      <c r="J3" s="5"/>
      <c r="K3" s="220" t="s">
        <v>5</v>
      </c>
      <c r="L3" s="223" t="s">
        <v>6</v>
      </c>
    </row>
    <row r="4" spans="1:19" ht="15" customHeight="1">
      <c r="A4" s="210"/>
      <c r="B4" s="211"/>
      <c r="C4" s="211"/>
      <c r="D4" s="215"/>
      <c r="E4" s="218"/>
      <c r="F4" s="6"/>
      <c r="G4" s="226" t="s">
        <v>7</v>
      </c>
      <c r="H4" s="227"/>
      <c r="I4" s="226" t="s">
        <v>8</v>
      </c>
      <c r="J4" s="227"/>
      <c r="K4" s="221"/>
      <c r="L4" s="224"/>
    </row>
    <row r="5" spans="1:19" ht="15" customHeight="1">
      <c r="A5" s="212"/>
      <c r="B5" s="213"/>
      <c r="C5" s="213"/>
      <c r="D5" s="216"/>
      <c r="E5" s="219"/>
      <c r="F5" s="7" t="s">
        <v>9</v>
      </c>
      <c r="G5" s="8"/>
      <c r="H5" s="8" t="s">
        <v>9</v>
      </c>
      <c r="I5" s="8"/>
      <c r="J5" s="8" t="s">
        <v>9</v>
      </c>
      <c r="K5" s="222"/>
      <c r="L5" s="225"/>
    </row>
    <row r="6" spans="1:19" ht="10.5" customHeight="1">
      <c r="A6" s="9"/>
      <c r="B6" s="10"/>
      <c r="C6" s="11"/>
      <c r="D6" s="12" t="s">
        <v>10</v>
      </c>
      <c r="E6" s="12" t="s">
        <v>10</v>
      </c>
      <c r="F6" s="11" t="s">
        <v>11</v>
      </c>
      <c r="G6" s="12" t="s">
        <v>10</v>
      </c>
      <c r="H6" s="11" t="s">
        <v>11</v>
      </c>
      <c r="I6" s="12" t="s">
        <v>10</v>
      </c>
      <c r="J6" s="13" t="s">
        <v>11</v>
      </c>
      <c r="K6" s="11" t="s">
        <v>12</v>
      </c>
      <c r="L6" s="14" t="s">
        <v>10</v>
      </c>
    </row>
    <row r="7" spans="1:19" ht="12" customHeight="1">
      <c r="A7" s="15"/>
      <c r="B7" s="16" t="s">
        <v>195</v>
      </c>
      <c r="C7" s="17"/>
      <c r="D7" s="18">
        <v>9225091</v>
      </c>
      <c r="E7" s="19" t="s">
        <v>13</v>
      </c>
      <c r="F7" s="20" t="s">
        <v>13</v>
      </c>
      <c r="G7" s="19" t="s">
        <v>13</v>
      </c>
      <c r="H7" s="20" t="s">
        <v>13</v>
      </c>
      <c r="I7" s="19" t="s">
        <v>13</v>
      </c>
      <c r="J7" s="20" t="s">
        <v>13</v>
      </c>
      <c r="K7" s="21">
        <v>4356329</v>
      </c>
      <c r="L7" s="22">
        <v>2.1176295454268952</v>
      </c>
    </row>
    <row r="8" spans="1:19" s="31" customFormat="1" ht="12" customHeight="1">
      <c r="A8" s="23"/>
      <c r="B8" s="24">
        <v>5</v>
      </c>
      <c r="C8" s="25"/>
      <c r="D8" s="26">
        <v>9227901</v>
      </c>
      <c r="E8" s="26">
        <v>-2810</v>
      </c>
      <c r="F8" s="27">
        <v>-3.0451128593598911E-2</v>
      </c>
      <c r="G8" s="26">
        <v>-43852</v>
      </c>
      <c r="H8" s="27">
        <v>-0.4752109932692169</v>
      </c>
      <c r="I8" s="26">
        <v>41042</v>
      </c>
      <c r="J8" s="27">
        <v>0.44475986467561801</v>
      </c>
      <c r="K8" s="28">
        <v>4310944</v>
      </c>
      <c r="L8" s="29">
        <v>2.1405754748843875</v>
      </c>
      <c r="M8" s="30"/>
      <c r="N8" s="30"/>
      <c r="O8" s="30"/>
      <c r="P8" s="30"/>
      <c r="Q8" s="30"/>
      <c r="R8" s="30"/>
      <c r="S8" s="30"/>
    </row>
    <row r="9" spans="1:19" s="31" customFormat="1" ht="12" customHeight="1">
      <c r="A9" s="32"/>
      <c r="B9" s="24">
        <v>4</v>
      </c>
      <c r="C9" s="33"/>
      <c r="D9" s="34">
        <v>9231177</v>
      </c>
      <c r="E9" s="34">
        <v>-3276</v>
      </c>
      <c r="F9" s="35">
        <v>-3.5488432298503216E-2</v>
      </c>
      <c r="G9" s="34">
        <v>-40970</v>
      </c>
      <c r="H9" s="35">
        <v>-0.44382206082712966</v>
      </c>
      <c r="I9" s="34">
        <v>37694</v>
      </c>
      <c r="J9" s="35">
        <v>0.40833362852862642</v>
      </c>
      <c r="K9" s="36">
        <v>4266757</v>
      </c>
      <c r="L9" s="37">
        <v>2.1635113037841154</v>
      </c>
      <c r="M9" s="30"/>
      <c r="N9" s="30"/>
      <c r="O9" s="30"/>
      <c r="P9" s="30"/>
      <c r="Q9" s="30"/>
      <c r="R9" s="30"/>
      <c r="S9" s="30"/>
    </row>
    <row r="10" spans="1:19" s="31" customFormat="1" ht="12" customHeight="1">
      <c r="A10" s="32"/>
      <c r="B10" s="24">
        <v>3</v>
      </c>
      <c r="C10" s="33"/>
      <c r="D10" s="34">
        <v>9236337</v>
      </c>
      <c r="E10" s="34">
        <v>-5160</v>
      </c>
      <c r="F10" s="35">
        <v>-5.5866302842782808E-2</v>
      </c>
      <c r="G10" s="34">
        <v>-29983</v>
      </c>
      <c r="H10" s="35">
        <v>-0.3246200306463482</v>
      </c>
      <c r="I10" s="34">
        <v>24823</v>
      </c>
      <c r="J10" s="35">
        <v>0.26875372780356543</v>
      </c>
      <c r="K10" s="36">
        <v>4228524</v>
      </c>
      <c r="L10" s="37">
        <v>2.1842933846420167</v>
      </c>
      <c r="M10" s="30"/>
      <c r="N10" s="30"/>
      <c r="O10" s="30"/>
      <c r="P10" s="30"/>
      <c r="Q10" s="30"/>
      <c r="R10" s="30"/>
      <c r="S10" s="30"/>
    </row>
    <row r="11" spans="1:19" s="31" customFormat="1" ht="12" customHeight="1">
      <c r="A11" s="38"/>
      <c r="B11" s="39" t="s">
        <v>196</v>
      </c>
      <c r="C11" s="40"/>
      <c r="D11" s="41">
        <v>9201825</v>
      </c>
      <c r="E11" s="41">
        <v>34512</v>
      </c>
      <c r="F11" s="42">
        <v>0.37505603507999774</v>
      </c>
      <c r="G11" s="41">
        <v>-22407</v>
      </c>
      <c r="H11" s="42">
        <v>-0.24350604363808265</v>
      </c>
      <c r="I11" s="41">
        <v>56919</v>
      </c>
      <c r="J11" s="42">
        <v>0.61856207871808044</v>
      </c>
      <c r="K11" s="43">
        <v>4170235</v>
      </c>
      <c r="L11" s="44">
        <v>2.2065483120255811</v>
      </c>
      <c r="M11" s="30"/>
      <c r="N11" s="30"/>
      <c r="O11" s="30"/>
      <c r="P11" s="30"/>
      <c r="Q11" s="30"/>
      <c r="R11" s="30"/>
      <c r="S11" s="30"/>
    </row>
    <row r="12" spans="1:19" s="31" customFormat="1" ht="12" customHeight="1">
      <c r="A12" s="45"/>
      <c r="B12" s="24" t="s">
        <v>197</v>
      </c>
      <c r="C12" s="33"/>
      <c r="D12" s="34">
        <v>9181625</v>
      </c>
      <c r="E12" s="34">
        <v>20200</v>
      </c>
      <c r="F12" s="35">
        <v>0.22000462881025962</v>
      </c>
      <c r="G12" s="34">
        <v>-19600</v>
      </c>
      <c r="H12" s="35">
        <v>-0.21346983785549942</v>
      </c>
      <c r="I12" s="34">
        <v>39800</v>
      </c>
      <c r="J12" s="35">
        <v>0.43347446666575906</v>
      </c>
      <c r="K12" s="36">
        <v>4118341</v>
      </c>
      <c r="L12" s="37">
        <v>2.2294474886853712</v>
      </c>
      <c r="M12" s="30"/>
      <c r="N12" s="30"/>
      <c r="O12" s="30"/>
      <c r="P12" s="30"/>
      <c r="Q12" s="30"/>
      <c r="R12" s="30"/>
      <c r="S12" s="30"/>
    </row>
    <row r="13" spans="1:19" s="31" customFormat="1" ht="12" customHeight="1">
      <c r="A13" s="45"/>
      <c r="B13" s="24">
        <v>30</v>
      </c>
      <c r="C13" s="33"/>
      <c r="D13" s="34">
        <v>9163279</v>
      </c>
      <c r="E13" s="34">
        <v>18346</v>
      </c>
      <c r="F13" s="35">
        <v>0.20021217295686403</v>
      </c>
      <c r="G13" s="34">
        <v>-14771</v>
      </c>
      <c r="H13" s="35">
        <v>-0.16119775464656266</v>
      </c>
      <c r="I13" s="34">
        <v>33117</v>
      </c>
      <c r="J13" s="35">
        <v>0.36140992760342666</v>
      </c>
      <c r="K13" s="36">
        <v>4070843</v>
      </c>
      <c r="L13" s="37">
        <v>2.2509536722492123</v>
      </c>
      <c r="M13" s="30"/>
      <c r="N13" s="30"/>
      <c r="O13" s="30"/>
      <c r="P13" s="30"/>
      <c r="Q13" s="30"/>
      <c r="R13" s="30"/>
      <c r="S13" s="30"/>
    </row>
    <row r="14" spans="1:19" s="31" customFormat="1" ht="12" customHeight="1">
      <c r="A14" s="45"/>
      <c r="B14" s="24">
        <v>29</v>
      </c>
      <c r="C14" s="33"/>
      <c r="D14" s="34">
        <v>9147400</v>
      </c>
      <c r="E14" s="34">
        <v>15879</v>
      </c>
      <c r="F14" s="35">
        <v>0.17359030981481077</v>
      </c>
      <c r="G14" s="34">
        <v>-11083</v>
      </c>
      <c r="H14" s="35">
        <v>-0.1211601110698122</v>
      </c>
      <c r="I14" s="34">
        <v>26962</v>
      </c>
      <c r="J14" s="35">
        <v>0.29475042088462294</v>
      </c>
      <c r="K14" s="36">
        <v>4026195</v>
      </c>
      <c r="L14" s="37">
        <v>2.2719714271166698</v>
      </c>
      <c r="M14" s="30"/>
      <c r="N14" s="30"/>
      <c r="O14" s="30"/>
      <c r="P14" s="30"/>
      <c r="Q14" s="30"/>
      <c r="R14" s="30"/>
      <c r="S14" s="30"/>
    </row>
    <row r="15" spans="1:19" s="31" customFormat="1" ht="12" customHeight="1">
      <c r="A15" s="32"/>
      <c r="B15" s="24">
        <v>28</v>
      </c>
      <c r="C15" s="33"/>
      <c r="D15" s="34">
        <v>9128037</v>
      </c>
      <c r="E15" s="34">
        <v>19363</v>
      </c>
      <c r="F15" s="35">
        <v>0.21212665987221566</v>
      </c>
      <c r="G15" s="34">
        <v>-5354</v>
      </c>
      <c r="H15" s="35">
        <v>-5.8654451115831362E-2</v>
      </c>
      <c r="I15" s="34">
        <v>24717</v>
      </c>
      <c r="J15" s="35">
        <v>0.27078111098804708</v>
      </c>
      <c r="K15" s="36">
        <v>3983551</v>
      </c>
      <c r="L15" s="37">
        <v>2.2914321920316825</v>
      </c>
      <c r="M15" s="30"/>
      <c r="N15" s="30"/>
      <c r="O15" s="30"/>
      <c r="P15" s="30"/>
      <c r="Q15" s="30"/>
      <c r="R15" s="30"/>
      <c r="S15" s="30"/>
    </row>
    <row r="16" spans="1:19" s="31" customFormat="1" ht="12" customHeight="1">
      <c r="A16" s="38"/>
      <c r="B16" s="39" t="s">
        <v>198</v>
      </c>
      <c r="C16" s="40"/>
      <c r="D16" s="41">
        <v>9100346</v>
      </c>
      <c r="E16" s="41">
        <v>27691</v>
      </c>
      <c r="F16" s="42">
        <v>0.30428513377403454</v>
      </c>
      <c r="G16" s="41">
        <v>-1492</v>
      </c>
      <c r="H16" s="42">
        <v>-1.6394981025996153E-2</v>
      </c>
      <c r="I16" s="41">
        <v>29183</v>
      </c>
      <c r="J16" s="42">
        <v>0.32068011480003067</v>
      </c>
      <c r="K16" s="43">
        <v>3973785</v>
      </c>
      <c r="L16" s="44">
        <v>2.2900952114923179</v>
      </c>
      <c r="M16" s="30"/>
      <c r="N16" s="30"/>
      <c r="O16" s="30"/>
      <c r="P16" s="30"/>
      <c r="Q16" s="30"/>
      <c r="R16" s="30"/>
      <c r="S16" s="30"/>
    </row>
    <row r="17" spans="1:12" s="30" customFormat="1" ht="12" customHeight="1">
      <c r="A17" s="45"/>
      <c r="B17" s="24">
        <v>26</v>
      </c>
      <c r="C17" s="33"/>
      <c r="D17" s="34">
        <v>9083839</v>
      </c>
      <c r="E17" s="34">
        <v>16507</v>
      </c>
      <c r="F17" s="35">
        <v>0.181718324157881</v>
      </c>
      <c r="G17" s="34">
        <v>-285</v>
      </c>
      <c r="H17" s="35">
        <v>-3.1374400184767696E-3</v>
      </c>
      <c r="I17" s="34">
        <v>16792</v>
      </c>
      <c r="J17" s="35">
        <v>0.1848557641763576</v>
      </c>
      <c r="K17" s="36">
        <v>3936952</v>
      </c>
      <c r="L17" s="37">
        <v>2.3073278515968698</v>
      </c>
    </row>
    <row r="18" spans="1:12" s="30" customFormat="1" ht="12" customHeight="1">
      <c r="A18" s="45"/>
      <c r="B18" s="24">
        <v>25</v>
      </c>
      <c r="C18" s="33"/>
      <c r="D18" s="34">
        <v>9072533</v>
      </c>
      <c r="E18" s="34">
        <v>11306</v>
      </c>
      <c r="F18" s="35">
        <v>0.12461789888226363</v>
      </c>
      <c r="G18" s="34">
        <v>2111</v>
      </c>
      <c r="H18" s="35">
        <v>2.3268033304480677E-2</v>
      </c>
      <c r="I18" s="34">
        <v>9195</v>
      </c>
      <c r="J18" s="35">
        <v>0.10134986557778297</v>
      </c>
      <c r="K18" s="36">
        <v>3906589</v>
      </c>
      <c r="L18" s="37">
        <v>2.3223669037106283</v>
      </c>
    </row>
    <row r="19" spans="1:12" s="30" customFormat="1" ht="12" customHeight="1">
      <c r="A19" s="45"/>
      <c r="B19" s="24">
        <v>24</v>
      </c>
      <c r="C19" s="33"/>
      <c r="D19" s="34">
        <v>9060257</v>
      </c>
      <c r="E19" s="34">
        <v>12276</v>
      </c>
      <c r="F19" s="35">
        <v>0.13549284529125388</v>
      </c>
      <c r="G19" s="34">
        <v>4625</v>
      </c>
      <c r="H19" s="35">
        <v>5.1047117096126519E-2</v>
      </c>
      <c r="I19" s="34">
        <v>7651</v>
      </c>
      <c r="J19" s="35">
        <v>8.4445728195127356E-2</v>
      </c>
      <c r="K19" s="36">
        <v>3876258</v>
      </c>
      <c r="L19" s="37">
        <v>2.3373720221925374</v>
      </c>
    </row>
    <row r="20" spans="1:12" s="30" customFormat="1" ht="12" customHeight="1">
      <c r="A20" s="32"/>
      <c r="B20" s="24">
        <v>23</v>
      </c>
      <c r="C20" s="33"/>
      <c r="D20" s="34">
        <v>9051028</v>
      </c>
      <c r="E20" s="34">
        <v>9229</v>
      </c>
      <c r="F20" s="35">
        <v>0.101966318080112</v>
      </c>
      <c r="G20" s="34">
        <v>5970</v>
      </c>
      <c r="H20" s="35">
        <v>6.5959358428677936E-2</v>
      </c>
      <c r="I20" s="34">
        <v>3259</v>
      </c>
      <c r="J20" s="35">
        <v>3.6006959651434071E-2</v>
      </c>
      <c r="K20" s="36">
        <v>3847543</v>
      </c>
      <c r="L20" s="37">
        <v>2.3524176337990244</v>
      </c>
    </row>
    <row r="21" spans="1:12" s="30" customFormat="1" ht="12" customHeight="1">
      <c r="A21" s="38"/>
      <c r="B21" s="39" t="s">
        <v>199</v>
      </c>
      <c r="C21" s="40"/>
      <c r="D21" s="41">
        <v>9008132</v>
      </c>
      <c r="E21" s="41">
        <v>42896</v>
      </c>
      <c r="F21" s="42">
        <v>0.47619195633456529</v>
      </c>
      <c r="G21" s="41">
        <v>11519</v>
      </c>
      <c r="H21" s="42">
        <v>0.127873348214702</v>
      </c>
      <c r="I21" s="41">
        <v>31377</v>
      </c>
      <c r="J21" s="42">
        <v>0.34831860811986326</v>
      </c>
      <c r="K21" s="43">
        <v>3830842</v>
      </c>
      <c r="L21" s="44">
        <v>2.351475733011176</v>
      </c>
    </row>
    <row r="22" spans="1:12" s="30" customFormat="1" ht="12" customHeight="1">
      <c r="A22" s="45"/>
      <c r="B22" s="24">
        <v>21</v>
      </c>
      <c r="C22" s="33"/>
      <c r="D22" s="34">
        <v>8965352</v>
      </c>
      <c r="E22" s="34">
        <v>42780</v>
      </c>
      <c r="F22" s="35">
        <v>0.47717033307783124</v>
      </c>
      <c r="G22" s="34">
        <v>15296</v>
      </c>
      <c r="H22" s="35">
        <v>0.17061237528654757</v>
      </c>
      <c r="I22" s="34">
        <v>27484</v>
      </c>
      <c r="J22" s="35">
        <v>0.30655795779128364</v>
      </c>
      <c r="K22" s="36">
        <v>3784887</v>
      </c>
      <c r="L22" s="37">
        <v>2.3687238218736781</v>
      </c>
    </row>
    <row r="23" spans="1:12" s="30" customFormat="1" ht="12" customHeight="1">
      <c r="A23" s="45"/>
      <c r="B23" s="24">
        <v>20</v>
      </c>
      <c r="C23" s="33"/>
      <c r="D23" s="34">
        <v>8910256</v>
      </c>
      <c r="E23" s="34">
        <v>55096</v>
      </c>
      <c r="F23" s="35">
        <v>0.61834362559280009</v>
      </c>
      <c r="G23" s="34">
        <v>16427</v>
      </c>
      <c r="H23" s="35">
        <v>0.1843605840281132</v>
      </c>
      <c r="I23" s="34">
        <v>38669</v>
      </c>
      <c r="J23" s="35">
        <v>0.43398304156468681</v>
      </c>
      <c r="K23" s="36">
        <v>3725988</v>
      </c>
      <c r="L23" s="37">
        <v>2.3913807559229929</v>
      </c>
    </row>
    <row r="24" spans="1:12" s="30" customFormat="1" ht="12" customHeight="1">
      <c r="A24" s="45"/>
      <c r="B24" s="24">
        <v>19</v>
      </c>
      <c r="C24" s="33"/>
      <c r="D24" s="34">
        <v>8848166</v>
      </c>
      <c r="E24" s="34">
        <v>62090</v>
      </c>
      <c r="F24" s="35">
        <v>0.70172734101055523</v>
      </c>
      <c r="G24" s="34">
        <v>19192</v>
      </c>
      <c r="H24" s="35">
        <v>0.21690370637259745</v>
      </c>
      <c r="I24" s="34">
        <v>42898</v>
      </c>
      <c r="J24" s="35">
        <v>0.48482363463795775</v>
      </c>
      <c r="K24" s="36">
        <v>3660554</v>
      </c>
      <c r="L24" s="37">
        <v>2.4171658169774304</v>
      </c>
    </row>
    <row r="25" spans="1:12" s="30" customFormat="1" ht="12" customHeight="1">
      <c r="A25" s="32"/>
      <c r="B25" s="24">
        <v>18</v>
      </c>
      <c r="C25" s="33"/>
      <c r="D25" s="34">
        <v>8801632</v>
      </c>
      <c r="E25" s="34">
        <v>46534</v>
      </c>
      <c r="F25" s="35">
        <v>0.52869740520848862</v>
      </c>
      <c r="G25" s="34">
        <v>20836</v>
      </c>
      <c r="H25" s="35">
        <v>0.23672882483612132</v>
      </c>
      <c r="I25" s="34">
        <v>25698</v>
      </c>
      <c r="J25" s="35">
        <v>0.29196858037236734</v>
      </c>
      <c r="K25" s="36">
        <v>3601257</v>
      </c>
      <c r="L25" s="37">
        <v>2.4440443989418141</v>
      </c>
    </row>
    <row r="26" spans="1:12" s="30" customFormat="1" ht="12" customHeight="1">
      <c r="A26" s="38"/>
      <c r="B26" s="39" t="s">
        <v>200</v>
      </c>
      <c r="C26" s="40"/>
      <c r="D26" s="41">
        <v>8748731</v>
      </c>
      <c r="E26" s="41">
        <v>52901</v>
      </c>
      <c r="F26" s="42">
        <v>0.60467055164914774</v>
      </c>
      <c r="G26" s="41">
        <v>18418</v>
      </c>
      <c r="H26" s="42">
        <v>0.21052196027058095</v>
      </c>
      <c r="I26" s="41">
        <v>34483</v>
      </c>
      <c r="J26" s="42">
        <v>0.39414859137856678</v>
      </c>
      <c r="K26" s="43">
        <v>3599414</v>
      </c>
      <c r="L26" s="44">
        <v>2.4305987030111011</v>
      </c>
    </row>
    <row r="27" spans="1:12" s="30" customFormat="1" ht="12" customHeight="1">
      <c r="A27" s="45"/>
      <c r="B27" s="24">
        <v>16</v>
      </c>
      <c r="C27" s="33"/>
      <c r="D27" s="34">
        <v>8697720</v>
      </c>
      <c r="E27" s="34">
        <v>51011</v>
      </c>
      <c r="F27" s="35">
        <v>0.58648703338346142</v>
      </c>
      <c r="G27" s="34">
        <v>25047</v>
      </c>
      <c r="H27" s="35">
        <v>0.2879720202535837</v>
      </c>
      <c r="I27" s="34">
        <v>25964</v>
      </c>
      <c r="J27" s="35">
        <v>0.29851501312987772</v>
      </c>
      <c r="K27" s="36">
        <v>3546393</v>
      </c>
      <c r="L27" s="37">
        <v>2.4525539047702836</v>
      </c>
    </row>
    <row r="28" spans="1:12" s="30" customFormat="1" ht="12" customHeight="1">
      <c r="A28" s="45"/>
      <c r="B28" s="24">
        <v>15</v>
      </c>
      <c r="C28" s="33"/>
      <c r="D28" s="34">
        <v>8639665</v>
      </c>
      <c r="E28" s="34">
        <v>58055</v>
      </c>
      <c r="F28" s="35">
        <v>0.67195892433329296</v>
      </c>
      <c r="G28" s="34">
        <v>26314</v>
      </c>
      <c r="H28" s="35">
        <v>0.30457199440024585</v>
      </c>
      <c r="I28" s="34">
        <v>31741</v>
      </c>
      <c r="J28" s="35">
        <v>0.36738692993304717</v>
      </c>
      <c r="K28" s="36">
        <v>3485990</v>
      </c>
      <c r="L28" s="37">
        <v>2.4783963809419993</v>
      </c>
    </row>
    <row r="29" spans="1:12" s="30" customFormat="1" ht="12" customHeight="1">
      <c r="A29" s="45"/>
      <c r="B29" s="24">
        <v>14</v>
      </c>
      <c r="C29" s="33"/>
      <c r="D29" s="34">
        <v>8575372</v>
      </c>
      <c r="E29" s="34">
        <v>64293</v>
      </c>
      <c r="F29" s="35">
        <v>0.74974006958531936</v>
      </c>
      <c r="G29" s="34">
        <v>29182</v>
      </c>
      <c r="H29" s="35">
        <v>0.34030010593126458</v>
      </c>
      <c r="I29" s="34">
        <v>35111</v>
      </c>
      <c r="J29" s="35">
        <v>0.40943996365405488</v>
      </c>
      <c r="K29" s="36">
        <v>3422568</v>
      </c>
      <c r="L29" s="37">
        <v>2.5055373625885591</v>
      </c>
    </row>
    <row r="30" spans="1:12" s="30" customFormat="1" ht="12" customHeight="1">
      <c r="A30" s="32"/>
      <c r="B30" s="24">
        <v>13</v>
      </c>
      <c r="C30" s="33"/>
      <c r="D30" s="34">
        <v>8503498</v>
      </c>
      <c r="E30" s="34">
        <v>71874</v>
      </c>
      <c r="F30" s="35">
        <v>0.84522863414561855</v>
      </c>
      <c r="G30" s="34">
        <v>30898</v>
      </c>
      <c r="H30" s="35">
        <v>0.36335635052774751</v>
      </c>
      <c r="I30" s="34">
        <v>40976</v>
      </c>
      <c r="J30" s="35">
        <v>0.48187228361787116</v>
      </c>
      <c r="K30" s="36">
        <v>3351726</v>
      </c>
      <c r="L30" s="37">
        <v>2.537050462955504</v>
      </c>
    </row>
    <row r="31" spans="1:12" s="30" customFormat="1" ht="12" customHeight="1">
      <c r="A31" s="38"/>
      <c r="B31" s="39" t="s">
        <v>201</v>
      </c>
      <c r="C31" s="40"/>
      <c r="D31" s="41">
        <v>8446174</v>
      </c>
      <c r="E31" s="41">
        <v>57324</v>
      </c>
      <c r="F31" s="42">
        <v>0.67869783407256357</v>
      </c>
      <c r="G31" s="41">
        <v>33217</v>
      </c>
      <c r="H31" s="42">
        <v>0.39327866084691127</v>
      </c>
      <c r="I31" s="41">
        <v>24107</v>
      </c>
      <c r="J31" s="42">
        <v>0.28541917322565225</v>
      </c>
      <c r="K31" s="43">
        <v>3309457</v>
      </c>
      <c r="L31" s="44">
        <v>2.5521328725528085</v>
      </c>
    </row>
    <row r="32" spans="1:12" s="30" customFormat="1" ht="12" customHeight="1">
      <c r="A32" s="45"/>
      <c r="B32" s="24">
        <v>11</v>
      </c>
      <c r="C32" s="33"/>
      <c r="D32" s="34">
        <v>8398336</v>
      </c>
      <c r="E32" s="34">
        <v>47838</v>
      </c>
      <c r="F32" s="35">
        <v>0.5696128375906846</v>
      </c>
      <c r="G32" s="34">
        <v>31408</v>
      </c>
      <c r="H32" s="35">
        <v>0.37397884533317077</v>
      </c>
      <c r="I32" s="34">
        <v>16430</v>
      </c>
      <c r="J32" s="35">
        <v>0.19563399225751388</v>
      </c>
      <c r="K32" s="36">
        <v>3256672</v>
      </c>
      <c r="L32" s="37">
        <v>2.5788092875180553</v>
      </c>
    </row>
    <row r="33" spans="1:12" s="30" customFormat="1" ht="12" customHeight="1">
      <c r="A33" s="45"/>
      <c r="B33" s="24">
        <v>10</v>
      </c>
      <c r="C33" s="33"/>
      <c r="D33" s="34">
        <v>8340837</v>
      </c>
      <c r="E33" s="34">
        <v>57499</v>
      </c>
      <c r="F33" s="35">
        <v>0.68936726613887789</v>
      </c>
      <c r="G33" s="34">
        <v>34626</v>
      </c>
      <c r="H33" s="35">
        <v>0.41513819296552618</v>
      </c>
      <c r="I33" s="34">
        <v>22873</v>
      </c>
      <c r="J33" s="35">
        <v>0.27422907317335182</v>
      </c>
      <c r="K33" s="36">
        <v>3197808</v>
      </c>
      <c r="L33" s="37">
        <v>2.6082982467990572</v>
      </c>
    </row>
    <row r="34" spans="1:12" s="30" customFormat="1" ht="12" customHeight="1">
      <c r="A34" s="45"/>
      <c r="B34" s="24">
        <v>9</v>
      </c>
      <c r="C34" s="33"/>
      <c r="D34" s="34">
        <v>8295504</v>
      </c>
      <c r="E34" s="34">
        <v>45333</v>
      </c>
      <c r="F34" s="35">
        <v>0.54647674210029917</v>
      </c>
      <c r="G34" s="34">
        <v>35197</v>
      </c>
      <c r="H34" s="35">
        <v>0.42429007327342622</v>
      </c>
      <c r="I34" s="34">
        <v>10136</v>
      </c>
      <c r="J34" s="35">
        <v>0.12218666882687296</v>
      </c>
      <c r="K34" s="36">
        <v>3147465</v>
      </c>
      <c r="L34" s="37">
        <v>2.6356143753782808</v>
      </c>
    </row>
    <row r="35" spans="1:12" s="30" customFormat="1" ht="12" customHeight="1">
      <c r="A35" s="32"/>
      <c r="B35" s="24">
        <v>8</v>
      </c>
      <c r="C35" s="33"/>
      <c r="D35" s="34">
        <v>8252665</v>
      </c>
      <c r="E35" s="34">
        <v>42839</v>
      </c>
      <c r="F35" s="35">
        <v>0.51909292331628631</v>
      </c>
      <c r="G35" s="34">
        <v>36959</v>
      </c>
      <c r="H35" s="35">
        <v>0.44784321185944176</v>
      </c>
      <c r="I35" s="34">
        <v>5880</v>
      </c>
      <c r="J35" s="35">
        <v>7.1249711456844542E-2</v>
      </c>
      <c r="K35" s="36">
        <v>3099841</v>
      </c>
      <c r="L35" s="37">
        <v>2.6622865495359278</v>
      </c>
    </row>
    <row r="36" spans="1:12" s="30" customFormat="1" ht="12" customHeight="1">
      <c r="A36" s="38"/>
      <c r="B36" s="39" t="s">
        <v>202</v>
      </c>
      <c r="C36" s="40"/>
      <c r="D36" s="41">
        <v>8238840</v>
      </c>
      <c r="E36" s="41">
        <v>13825</v>
      </c>
      <c r="F36" s="42">
        <v>0.16780274893067471</v>
      </c>
      <c r="G36" s="41">
        <v>35304</v>
      </c>
      <c r="H36" s="42">
        <v>0.42850692573226329</v>
      </c>
      <c r="I36" s="41">
        <v>-21479</v>
      </c>
      <c r="J36" s="42">
        <v>-0.26070417680158858</v>
      </c>
      <c r="K36" s="43">
        <v>3078412</v>
      </c>
      <c r="L36" s="44">
        <v>2.6763279249171328</v>
      </c>
    </row>
    <row r="37" spans="1:12" s="30" customFormat="1" ht="12" customHeight="1">
      <c r="A37" s="45"/>
      <c r="B37" s="24">
        <v>6</v>
      </c>
      <c r="C37" s="33"/>
      <c r="D37" s="34">
        <v>8196872</v>
      </c>
      <c r="E37" s="34">
        <v>41968</v>
      </c>
      <c r="F37" s="35">
        <v>0.51200018738855502</v>
      </c>
      <c r="G37" s="34">
        <v>40246</v>
      </c>
      <c r="H37" s="35">
        <v>0.49099217359988057</v>
      </c>
      <c r="I37" s="34">
        <v>1722</v>
      </c>
      <c r="J37" s="35">
        <v>2.100801378867451E-2</v>
      </c>
      <c r="K37" s="36">
        <v>3038443</v>
      </c>
      <c r="L37" s="37">
        <v>2.6977211683747235</v>
      </c>
    </row>
    <row r="38" spans="1:12" s="30" customFormat="1" ht="12" customHeight="1">
      <c r="A38" s="45"/>
      <c r="B38" s="24">
        <v>5</v>
      </c>
      <c r="C38" s="33"/>
      <c r="D38" s="34">
        <v>8148512</v>
      </c>
      <c r="E38" s="34">
        <v>48360</v>
      </c>
      <c r="F38" s="35">
        <v>0.59348258921383434</v>
      </c>
      <c r="G38" s="34">
        <v>36360</v>
      </c>
      <c r="H38" s="35">
        <v>0.4462164380441484</v>
      </c>
      <c r="I38" s="34">
        <v>12000</v>
      </c>
      <c r="J38" s="35">
        <v>0.14726615116968594</v>
      </c>
      <c r="K38" s="36">
        <v>2988585</v>
      </c>
      <c r="L38" s="37">
        <v>2.7265451710424835</v>
      </c>
    </row>
    <row r="39" spans="1:12" s="30" customFormat="1" ht="12" customHeight="1">
      <c r="A39" s="45"/>
      <c r="B39" s="24">
        <v>4</v>
      </c>
      <c r="C39" s="33"/>
      <c r="D39" s="34">
        <v>8084849</v>
      </c>
      <c r="E39" s="34">
        <v>63663</v>
      </c>
      <c r="F39" s="35">
        <v>0.78743585687252782</v>
      </c>
      <c r="G39" s="34">
        <v>38388</v>
      </c>
      <c r="H39" s="35">
        <v>0.47481406269925391</v>
      </c>
      <c r="I39" s="34">
        <v>25275</v>
      </c>
      <c r="J39" s="35">
        <v>0.31262179417327396</v>
      </c>
      <c r="K39" s="36">
        <v>2928160</v>
      </c>
      <c r="L39" s="37">
        <v>2.7610680427299057</v>
      </c>
    </row>
    <row r="40" spans="1:12" s="30" customFormat="1" ht="12" customHeight="1">
      <c r="A40" s="32"/>
      <c r="B40" s="24">
        <v>3</v>
      </c>
      <c r="C40" s="33"/>
      <c r="D40" s="34">
        <v>7998747</v>
      </c>
      <c r="E40" s="34">
        <v>86102</v>
      </c>
      <c r="F40" s="35">
        <v>1.0764435979785334</v>
      </c>
      <c r="G40" s="34">
        <v>40921</v>
      </c>
      <c r="H40" s="35">
        <v>0.51159262819539109</v>
      </c>
      <c r="I40" s="34">
        <v>45181</v>
      </c>
      <c r="J40" s="35">
        <v>0.56485096978314231</v>
      </c>
      <c r="K40" s="36">
        <v>2857755</v>
      </c>
      <c r="L40" s="37">
        <v>2.7989617724402547</v>
      </c>
    </row>
    <row r="41" spans="1:12" s="30" customFormat="1" ht="12" customHeight="1">
      <c r="A41" s="38"/>
      <c r="B41" s="39" t="s">
        <v>203</v>
      </c>
      <c r="C41" s="40"/>
      <c r="D41" s="41">
        <v>7910382</v>
      </c>
      <c r="E41" s="41">
        <v>88365</v>
      </c>
      <c r="F41" s="42">
        <v>1.1170762676189341</v>
      </c>
      <c r="G41" s="41">
        <v>39966</v>
      </c>
      <c r="H41" s="42">
        <v>0.50523476615920693</v>
      </c>
      <c r="I41" s="41">
        <v>48399</v>
      </c>
      <c r="J41" s="42">
        <v>0.61184150145972727</v>
      </c>
      <c r="K41" s="43">
        <v>2777380</v>
      </c>
      <c r="L41" s="44">
        <v>2.8481453744176166</v>
      </c>
    </row>
    <row r="42" spans="1:12" s="30" customFormat="1" ht="12" customHeight="1">
      <c r="A42" s="45"/>
      <c r="B42" s="24" t="s">
        <v>204</v>
      </c>
      <c r="C42" s="33"/>
      <c r="D42" s="34">
        <v>7810104</v>
      </c>
      <c r="E42" s="34">
        <v>100278</v>
      </c>
      <c r="F42" s="35">
        <v>1.2839521727239482</v>
      </c>
      <c r="G42" s="34">
        <v>42342</v>
      </c>
      <c r="H42" s="35">
        <v>0.54214386901890166</v>
      </c>
      <c r="I42" s="34">
        <v>57936</v>
      </c>
      <c r="J42" s="35">
        <v>0.74180830370504669</v>
      </c>
      <c r="K42" s="36">
        <v>2704986</v>
      </c>
      <c r="L42" s="37">
        <v>2.8872992318629374</v>
      </c>
    </row>
    <row r="43" spans="1:12" s="30" customFormat="1" ht="12" customHeight="1">
      <c r="A43" s="45"/>
      <c r="B43" s="24" t="s">
        <v>205</v>
      </c>
      <c r="C43" s="33"/>
      <c r="D43" s="34">
        <v>7701087</v>
      </c>
      <c r="E43" s="34">
        <v>109017</v>
      </c>
      <c r="F43" s="35">
        <v>1.4156053554517694</v>
      </c>
      <c r="G43" s="34">
        <v>47324</v>
      </c>
      <c r="H43" s="35">
        <v>0.6145106528467994</v>
      </c>
      <c r="I43" s="34">
        <v>61693</v>
      </c>
      <c r="J43" s="35">
        <v>0.80109470260496995</v>
      </c>
      <c r="K43" s="36">
        <v>2636591</v>
      </c>
      <c r="L43" s="37">
        <v>2.9208500673786721</v>
      </c>
    </row>
    <row r="44" spans="1:12" s="30" customFormat="1" ht="12" customHeight="1">
      <c r="A44" s="45"/>
      <c r="B44" s="24">
        <v>62</v>
      </c>
      <c r="C44" s="33"/>
      <c r="D44" s="34">
        <v>7572197</v>
      </c>
      <c r="E44" s="34">
        <v>128890</v>
      </c>
      <c r="F44" s="35">
        <v>1.7021480027527018</v>
      </c>
      <c r="G44" s="34">
        <v>48655</v>
      </c>
      <c r="H44" s="35">
        <v>0.64254799498745219</v>
      </c>
      <c r="I44" s="34">
        <v>80235</v>
      </c>
      <c r="J44" s="35">
        <v>1.0596000077652497</v>
      </c>
      <c r="K44" s="36">
        <v>2566064</v>
      </c>
      <c r="L44" s="37">
        <v>2.9508995099108986</v>
      </c>
    </row>
    <row r="45" spans="1:12" s="30" customFormat="1" ht="12" customHeight="1">
      <c r="A45" s="32"/>
      <c r="B45" s="24">
        <v>61</v>
      </c>
      <c r="C45" s="33"/>
      <c r="D45" s="34">
        <v>7452253</v>
      </c>
      <c r="E45" s="34">
        <v>119944</v>
      </c>
      <c r="F45" s="35">
        <v>1.6094998385052146</v>
      </c>
      <c r="G45" s="34">
        <v>49040</v>
      </c>
      <c r="H45" s="35">
        <v>0.65805602681497799</v>
      </c>
      <c r="I45" s="34">
        <v>70904</v>
      </c>
      <c r="J45" s="35">
        <v>0.95144381169023651</v>
      </c>
      <c r="K45" s="36">
        <v>2497481</v>
      </c>
      <c r="L45" s="37">
        <v>2.9839077854846545</v>
      </c>
    </row>
    <row r="46" spans="1:12" s="30" customFormat="1" ht="12" customHeight="1">
      <c r="A46" s="38"/>
      <c r="B46" s="39" t="s">
        <v>206</v>
      </c>
      <c r="C46" s="40"/>
      <c r="D46" s="41">
        <v>7349993</v>
      </c>
      <c r="E46" s="41">
        <v>102260</v>
      </c>
      <c r="F46" s="42">
        <v>1.391293842048557</v>
      </c>
      <c r="G46" s="41">
        <v>52583</v>
      </c>
      <c r="H46" s="42">
        <v>0.71541564733463014</v>
      </c>
      <c r="I46" s="41">
        <v>49677</v>
      </c>
      <c r="J46" s="42">
        <v>0.67587819471392696</v>
      </c>
      <c r="K46" s="43">
        <v>2466824</v>
      </c>
      <c r="L46" s="44">
        <v>2.9795368457579463</v>
      </c>
    </row>
    <row r="47" spans="1:12" s="30" customFormat="1" ht="12" customHeight="1">
      <c r="A47" s="45"/>
      <c r="B47" s="24">
        <v>59</v>
      </c>
      <c r="C47" s="33"/>
      <c r="D47" s="34">
        <v>7248578</v>
      </c>
      <c r="E47" s="34">
        <v>101415</v>
      </c>
      <c r="F47" s="35">
        <v>1.3991020031791064</v>
      </c>
      <c r="G47" s="34">
        <v>55972</v>
      </c>
      <c r="H47" s="35">
        <v>0.77217903980615232</v>
      </c>
      <c r="I47" s="34">
        <v>45443</v>
      </c>
      <c r="J47" s="35">
        <v>0.62692296337295395</v>
      </c>
      <c r="K47" s="36">
        <v>2414153</v>
      </c>
      <c r="L47" s="37">
        <v>3.0025346363714314</v>
      </c>
    </row>
    <row r="48" spans="1:12" s="30" customFormat="1" ht="12" customHeight="1">
      <c r="A48" s="45"/>
      <c r="B48" s="24">
        <v>58</v>
      </c>
      <c r="C48" s="33"/>
      <c r="D48" s="34">
        <v>7148043</v>
      </c>
      <c r="E48" s="34">
        <v>100535</v>
      </c>
      <c r="F48" s="35">
        <v>1.4064688754670334</v>
      </c>
      <c r="G48" s="34">
        <v>58352</v>
      </c>
      <c r="H48" s="35">
        <v>0.816335324227904</v>
      </c>
      <c r="I48" s="34">
        <v>42183</v>
      </c>
      <c r="J48" s="35">
        <v>0.59013355123912936</v>
      </c>
      <c r="K48" s="36">
        <v>2362386</v>
      </c>
      <c r="L48" s="37">
        <v>3.025772672205135</v>
      </c>
    </row>
    <row r="49" spans="1:12" s="30" customFormat="1" ht="12" customHeight="1">
      <c r="A49" s="45"/>
      <c r="B49" s="24">
        <v>57</v>
      </c>
      <c r="C49" s="33"/>
      <c r="D49" s="34">
        <v>7044560</v>
      </c>
      <c r="E49" s="34">
        <v>103483</v>
      </c>
      <c r="F49" s="35">
        <v>1.468977480495588</v>
      </c>
      <c r="G49" s="34">
        <v>60339</v>
      </c>
      <c r="H49" s="35">
        <v>0.85653326822399123</v>
      </c>
      <c r="I49" s="34">
        <v>43144</v>
      </c>
      <c r="J49" s="35">
        <v>0.61244421227159684</v>
      </c>
      <c r="K49" s="36">
        <v>2310377</v>
      </c>
      <c r="L49" s="37">
        <v>3.0490954506558885</v>
      </c>
    </row>
    <row r="50" spans="1:12" s="30" customFormat="1" ht="12" customHeight="1">
      <c r="A50" s="32"/>
      <c r="B50" s="24">
        <v>56</v>
      </c>
      <c r="C50" s="33"/>
      <c r="D50" s="34">
        <v>6943574</v>
      </c>
      <c r="E50" s="34">
        <v>100986</v>
      </c>
      <c r="F50" s="35">
        <v>1.4543806978941969</v>
      </c>
      <c r="G50" s="34">
        <v>62127</v>
      </c>
      <c r="H50" s="35">
        <v>0.89474095040968826</v>
      </c>
      <c r="I50" s="34">
        <v>38859</v>
      </c>
      <c r="J50" s="35">
        <v>0.55963974748450873</v>
      </c>
      <c r="K50" s="36">
        <v>2264063</v>
      </c>
      <c r="L50" s="37">
        <v>3.0668643054543976</v>
      </c>
    </row>
    <row r="51" spans="1:12" s="30" customFormat="1" ht="12" customHeight="1">
      <c r="A51" s="38"/>
      <c r="B51" s="39" t="s">
        <v>207</v>
      </c>
      <c r="C51" s="40"/>
      <c r="D51" s="41">
        <v>6857040</v>
      </c>
      <c r="E51" s="41">
        <v>86534</v>
      </c>
      <c r="F51" s="42">
        <v>1.2619730962631106</v>
      </c>
      <c r="G51" s="41">
        <v>64640</v>
      </c>
      <c r="H51" s="42">
        <v>0.94268080687876976</v>
      </c>
      <c r="I51" s="41">
        <v>21894</v>
      </c>
      <c r="J51" s="42">
        <v>0.31929228938434079</v>
      </c>
      <c r="K51" s="43">
        <v>2053145</v>
      </c>
      <c r="L51" s="44">
        <v>3.339773859128313</v>
      </c>
    </row>
    <row r="52" spans="1:12" s="30" customFormat="1" ht="12" customHeight="1">
      <c r="A52" s="45"/>
      <c r="B52" s="24">
        <v>54</v>
      </c>
      <c r="C52" s="33"/>
      <c r="D52" s="34">
        <v>6759223</v>
      </c>
      <c r="E52" s="34">
        <v>97817</v>
      </c>
      <c r="F52" s="35">
        <v>1.4471633795778005</v>
      </c>
      <c r="G52" s="34">
        <v>71989</v>
      </c>
      <c r="H52" s="35">
        <v>1.0650484530544413</v>
      </c>
      <c r="I52" s="34">
        <v>25828</v>
      </c>
      <c r="J52" s="35">
        <v>0.38211492652335927</v>
      </c>
      <c r="K52" s="36">
        <v>2019404</v>
      </c>
      <c r="L52" s="37">
        <v>3.3471375712834082</v>
      </c>
    </row>
    <row r="53" spans="1:12" s="30" customFormat="1" ht="12" customHeight="1">
      <c r="A53" s="45"/>
      <c r="B53" s="24">
        <v>53</v>
      </c>
      <c r="C53" s="33"/>
      <c r="D53" s="34">
        <v>6646694</v>
      </c>
      <c r="E53" s="34">
        <v>112529</v>
      </c>
      <c r="F53" s="35">
        <v>1.6930070799107046</v>
      </c>
      <c r="G53" s="34">
        <v>76221</v>
      </c>
      <c r="H53" s="35">
        <v>1.1467505499726631</v>
      </c>
      <c r="I53" s="34">
        <v>36308</v>
      </c>
      <c r="J53" s="35">
        <v>0.54625652993804141</v>
      </c>
      <c r="K53" s="36">
        <v>1982548</v>
      </c>
      <c r="L53" s="37">
        <v>3.3526018033359093</v>
      </c>
    </row>
    <row r="54" spans="1:12" s="30" customFormat="1" ht="12" customHeight="1">
      <c r="A54" s="45"/>
      <c r="B54" s="24">
        <v>52</v>
      </c>
      <c r="C54" s="33"/>
      <c r="D54" s="34">
        <v>6534674</v>
      </c>
      <c r="E54" s="34">
        <v>112020</v>
      </c>
      <c r="F54" s="35">
        <v>1.7142400676759084</v>
      </c>
      <c r="G54" s="34">
        <v>81332</v>
      </c>
      <c r="H54" s="35">
        <v>1.2446221494752454</v>
      </c>
      <c r="I54" s="34">
        <v>30688</v>
      </c>
      <c r="J54" s="35">
        <v>0.46961791820066312</v>
      </c>
      <c r="K54" s="36">
        <v>1947681</v>
      </c>
      <c r="L54" s="37">
        <v>3.3551048657351998</v>
      </c>
    </row>
    <row r="55" spans="1:12" s="30" customFormat="1" ht="12" customHeight="1">
      <c r="A55" s="32"/>
      <c r="B55" s="24">
        <v>51</v>
      </c>
      <c r="C55" s="33"/>
      <c r="D55" s="34">
        <v>6421325</v>
      </c>
      <c r="E55" s="34">
        <v>113349</v>
      </c>
      <c r="F55" s="35">
        <v>1.7651964353151413</v>
      </c>
      <c r="G55" s="34">
        <v>87123</v>
      </c>
      <c r="H55" s="35">
        <v>1.3567760547862007</v>
      </c>
      <c r="I55" s="34">
        <v>26226</v>
      </c>
      <c r="J55" s="35">
        <v>0.4084203805289407</v>
      </c>
      <c r="K55" s="36">
        <v>1913271</v>
      </c>
      <c r="L55" s="37">
        <v>3.3562025452745585</v>
      </c>
    </row>
    <row r="56" spans="1:12" s="30" customFormat="1" ht="12" customHeight="1">
      <c r="A56" s="38"/>
      <c r="B56" s="39" t="s">
        <v>208</v>
      </c>
      <c r="C56" s="40"/>
      <c r="D56" s="41">
        <v>6295998</v>
      </c>
      <c r="E56" s="41">
        <v>125327</v>
      </c>
      <c r="F56" s="42">
        <v>1.9905819538062115</v>
      </c>
      <c r="G56" s="41">
        <v>90784</v>
      </c>
      <c r="H56" s="42">
        <v>1.4419318430533175</v>
      </c>
      <c r="I56" s="41">
        <v>34543</v>
      </c>
      <c r="J56" s="42">
        <v>0.54865011075289405</v>
      </c>
      <c r="K56" s="43">
        <v>1864491</v>
      </c>
      <c r="L56" s="44">
        <v>3.3767918429212047</v>
      </c>
    </row>
    <row r="57" spans="1:12" s="30" customFormat="1" ht="12" customHeight="1">
      <c r="A57" s="45"/>
      <c r="B57" s="24">
        <v>49</v>
      </c>
      <c r="C57" s="33"/>
      <c r="D57" s="34">
        <v>6138096</v>
      </c>
      <c r="E57" s="34">
        <v>157902</v>
      </c>
      <c r="F57" s="35">
        <v>2.5724915348342545</v>
      </c>
      <c r="G57" s="34">
        <v>101799</v>
      </c>
      <c r="H57" s="35">
        <v>1.6584784597699349</v>
      </c>
      <c r="I57" s="34">
        <v>56103</v>
      </c>
      <c r="J57" s="35">
        <v>0.91401307506431961</v>
      </c>
      <c r="K57" s="36">
        <v>1801478</v>
      </c>
      <c r="L57" s="37">
        <v>3.4072555979034993</v>
      </c>
    </row>
    <row r="58" spans="1:12" s="30" customFormat="1" ht="12" customHeight="1">
      <c r="A58" s="45"/>
      <c r="B58" s="24">
        <v>48</v>
      </c>
      <c r="C58" s="33"/>
      <c r="D58" s="34">
        <v>5958190</v>
      </c>
      <c r="E58" s="34">
        <v>179906</v>
      </c>
      <c r="F58" s="35">
        <v>3.0194740348998605</v>
      </c>
      <c r="G58" s="34">
        <v>108371</v>
      </c>
      <c r="H58" s="35">
        <v>1.8188577403540338</v>
      </c>
      <c r="I58" s="34">
        <v>71535</v>
      </c>
      <c r="J58" s="35">
        <v>1.2006162945458267</v>
      </c>
      <c r="K58" s="36">
        <v>1730604</v>
      </c>
      <c r="L58" s="37">
        <v>3.4428384540888612</v>
      </c>
    </row>
    <row r="59" spans="1:12" s="30" customFormat="1" ht="12" customHeight="1">
      <c r="A59" s="45"/>
      <c r="B59" s="24">
        <v>47</v>
      </c>
      <c r="C59" s="33"/>
      <c r="D59" s="34">
        <v>5758256</v>
      </c>
      <c r="E59" s="34">
        <v>199934</v>
      </c>
      <c r="F59" s="35">
        <v>3.4721276719895751</v>
      </c>
      <c r="G59" s="34">
        <v>106384</v>
      </c>
      <c r="H59" s="35">
        <v>1.8475038275477851</v>
      </c>
      <c r="I59" s="34">
        <v>93550</v>
      </c>
      <c r="J59" s="35">
        <v>1.6246238444417895</v>
      </c>
      <c r="K59" s="36">
        <v>1651473</v>
      </c>
      <c r="L59" s="37">
        <v>3.4867394138444889</v>
      </c>
    </row>
    <row r="60" spans="1:12" s="30" customFormat="1" ht="12" customHeight="1">
      <c r="A60" s="32"/>
      <c r="B60" s="24">
        <v>46</v>
      </c>
      <c r="C60" s="33"/>
      <c r="D60" s="34">
        <v>5524380</v>
      </c>
      <c r="E60" s="34">
        <v>233876</v>
      </c>
      <c r="F60" s="35">
        <v>4.2335248480372458</v>
      </c>
      <c r="G60" s="34">
        <v>102700</v>
      </c>
      <c r="H60" s="35">
        <v>1.8590321447836682</v>
      </c>
      <c r="I60" s="34">
        <v>131176</v>
      </c>
      <c r="J60" s="35">
        <v>2.3744927032535781</v>
      </c>
      <c r="K60" s="36">
        <v>1554798</v>
      </c>
      <c r="L60" s="37">
        <v>3.5531175110850413</v>
      </c>
    </row>
    <row r="61" spans="1:12" s="30" customFormat="1" ht="12" customHeight="1">
      <c r="A61" s="38"/>
      <c r="B61" s="39" t="s">
        <v>209</v>
      </c>
      <c r="C61" s="40"/>
      <c r="D61" s="41">
        <v>5292904</v>
      </c>
      <c r="E61" s="41">
        <v>231476</v>
      </c>
      <c r="F61" s="42">
        <v>4.3733270053641631</v>
      </c>
      <c r="G61" s="41">
        <v>97696</v>
      </c>
      <c r="H61" s="42">
        <v>1.8457920264565539</v>
      </c>
      <c r="I61" s="41">
        <v>133780</v>
      </c>
      <c r="J61" s="42">
        <v>2.5275349789076094</v>
      </c>
      <c r="K61" s="43">
        <v>1469259</v>
      </c>
      <c r="L61" s="44">
        <v>3.6024308852285403</v>
      </c>
    </row>
    <row r="62" spans="1:12" s="2" customFormat="1" ht="12" customHeight="1">
      <c r="A62" s="60"/>
      <c r="B62" s="187">
        <v>44</v>
      </c>
      <c r="C62" s="49"/>
      <c r="D62" s="62">
        <v>5073378</v>
      </c>
      <c r="E62" s="62">
        <v>219526</v>
      </c>
      <c r="F62" s="188">
        <v>4.3270184086421315</v>
      </c>
      <c r="G62" s="62">
        <v>90246</v>
      </c>
      <c r="H62" s="188">
        <v>1.7788148251519993</v>
      </c>
      <c r="I62" s="62">
        <v>129280</v>
      </c>
      <c r="J62" s="188">
        <v>2.5482035834901322</v>
      </c>
      <c r="K62" s="189">
        <v>1376682</v>
      </c>
      <c r="L62" s="190">
        <v>3.6852214236839007</v>
      </c>
    </row>
    <row r="63" spans="1:12" s="2" customFormat="1" ht="12" customHeight="1">
      <c r="A63" s="60"/>
      <c r="B63" s="187">
        <v>43</v>
      </c>
      <c r="C63" s="49"/>
      <c r="D63" s="62">
        <v>4845739</v>
      </c>
      <c r="E63" s="62">
        <v>227639</v>
      </c>
      <c r="F63" s="188">
        <v>4.6977148377161875</v>
      </c>
      <c r="G63" s="62">
        <v>86018</v>
      </c>
      <c r="H63" s="188">
        <v>1.7751265596434311</v>
      </c>
      <c r="I63" s="62">
        <v>141621</v>
      </c>
      <c r="J63" s="188">
        <v>2.9225882780727566</v>
      </c>
      <c r="K63" s="189">
        <v>1297113</v>
      </c>
      <c r="L63" s="190">
        <v>3.7357878611963646</v>
      </c>
    </row>
    <row r="64" spans="1:12" s="30" customFormat="1" ht="12" customHeight="1">
      <c r="A64" s="45"/>
      <c r="B64" s="24">
        <v>42</v>
      </c>
      <c r="C64" s="33"/>
      <c r="D64" s="34">
        <v>4638525</v>
      </c>
      <c r="E64" s="34">
        <v>207214</v>
      </c>
      <c r="F64" s="35">
        <v>4.4672390468952949</v>
      </c>
      <c r="G64" s="34">
        <v>85699</v>
      </c>
      <c r="H64" s="35">
        <v>1.847548520273147</v>
      </c>
      <c r="I64" s="34">
        <v>121515</v>
      </c>
      <c r="J64" s="35">
        <v>2.619690526622148</v>
      </c>
      <c r="K64" s="36">
        <v>1227888</v>
      </c>
      <c r="L64" s="37">
        <v>3.7776450295140926</v>
      </c>
    </row>
    <row r="65" spans="1:19" s="30" customFormat="1" ht="12" customHeight="1">
      <c r="A65" s="32"/>
      <c r="B65" s="24">
        <v>41</v>
      </c>
      <c r="C65" s="33"/>
      <c r="D65" s="34">
        <v>4474335</v>
      </c>
      <c r="E65" s="34">
        <v>164190</v>
      </c>
      <c r="F65" s="35">
        <v>3.6695955935351283</v>
      </c>
      <c r="G65" s="34">
        <v>55394</v>
      </c>
      <c r="H65" s="35">
        <v>1.2380387253077831</v>
      </c>
      <c r="I65" s="34">
        <v>108796</v>
      </c>
      <c r="J65" s="35">
        <v>2.4315568682273456</v>
      </c>
      <c r="K65" s="36">
        <v>1164807</v>
      </c>
      <c r="L65" s="37">
        <v>3.8412672657358686</v>
      </c>
    </row>
    <row r="66" spans="1:19" s="30" customFormat="1" ht="12" customHeight="1">
      <c r="A66" s="38"/>
      <c r="B66" s="39" t="s">
        <v>229</v>
      </c>
      <c r="C66" s="40"/>
      <c r="D66" s="41">
        <v>4254849</v>
      </c>
      <c r="E66" s="41">
        <v>219486</v>
      </c>
      <c r="F66" s="42">
        <v>5.1584909358710496</v>
      </c>
      <c r="G66" s="41">
        <v>73843</v>
      </c>
      <c r="H66" s="42">
        <v>1.7355022469657562</v>
      </c>
      <c r="I66" s="41">
        <v>145643</v>
      </c>
      <c r="J66" s="42">
        <v>3.4229886889052938</v>
      </c>
      <c r="K66" s="43">
        <v>1095062</v>
      </c>
      <c r="L66" s="44">
        <v>3.8854868491464409</v>
      </c>
    </row>
    <row r="67" spans="1:19" s="30" customFormat="1" ht="12" customHeight="1">
      <c r="A67" s="45"/>
      <c r="B67" s="24">
        <v>39</v>
      </c>
      <c r="C67" s="33"/>
      <c r="D67" s="34">
        <v>4023952</v>
      </c>
      <c r="E67" s="34">
        <v>230897</v>
      </c>
      <c r="F67" s="35">
        <v>5.7380654640015587</v>
      </c>
      <c r="G67" s="34">
        <v>63494</v>
      </c>
      <c r="H67" s="35">
        <v>1.5779015256643221</v>
      </c>
      <c r="I67" s="34">
        <v>167403</v>
      </c>
      <c r="J67" s="35">
        <v>4.1601639383372362</v>
      </c>
      <c r="K67" s="36">
        <v>1018301</v>
      </c>
      <c r="L67" s="37">
        <v>3.9516331615111837</v>
      </c>
    </row>
    <row r="68" spans="1:19" s="30" customFormat="1" ht="12" customHeight="1">
      <c r="A68" s="45"/>
      <c r="B68" s="24">
        <v>38</v>
      </c>
      <c r="C68" s="33"/>
      <c r="D68" s="34">
        <v>3836417</v>
      </c>
      <c r="E68" s="34">
        <v>187535</v>
      </c>
      <c r="F68" s="35">
        <v>4.8882850847548633</v>
      </c>
      <c r="G68" s="34">
        <v>54670</v>
      </c>
      <c r="H68" s="35">
        <v>1.4250275712989491</v>
      </c>
      <c r="I68" s="34">
        <v>132865</v>
      </c>
      <c r="J68" s="35">
        <v>3.4632575134559147</v>
      </c>
      <c r="K68" s="36">
        <v>952134</v>
      </c>
      <c r="L68" s="37">
        <v>4.0292826429893269</v>
      </c>
    </row>
    <row r="69" spans="1:19" s="30" customFormat="1" ht="12" customHeight="1">
      <c r="A69" s="45"/>
      <c r="B69" s="24">
        <v>37</v>
      </c>
      <c r="C69" s="33"/>
      <c r="D69" s="34">
        <v>3643446</v>
      </c>
      <c r="E69" s="34">
        <v>192971</v>
      </c>
      <c r="F69" s="35">
        <v>5.2963869918752744</v>
      </c>
      <c r="G69" s="34">
        <v>47778</v>
      </c>
      <c r="H69" s="35">
        <v>1.311340966766078</v>
      </c>
      <c r="I69" s="34">
        <v>145193</v>
      </c>
      <c r="J69" s="35">
        <v>3.9850460251091966</v>
      </c>
      <c r="K69" s="36">
        <v>884176</v>
      </c>
      <c r="L69" s="37">
        <v>4.1207248330649104</v>
      </c>
    </row>
    <row r="70" spans="1:19" s="30" customFormat="1" ht="12" customHeight="1">
      <c r="A70" s="45"/>
      <c r="B70" s="24">
        <v>36</v>
      </c>
      <c r="C70" s="33"/>
      <c r="D70" s="34">
        <v>3477556</v>
      </c>
      <c r="E70" s="34">
        <v>165890</v>
      </c>
      <c r="F70" s="35">
        <v>4.7703042021465647</v>
      </c>
      <c r="G70" s="34">
        <v>44449</v>
      </c>
      <c r="H70" s="35">
        <v>1.2781677706987322</v>
      </c>
      <c r="I70" s="34">
        <v>121441</v>
      </c>
      <c r="J70" s="35">
        <v>3.4921364314478329</v>
      </c>
      <c r="K70" s="36">
        <v>828771</v>
      </c>
      <c r="L70" s="37">
        <v>4.1960396780292744</v>
      </c>
    </row>
    <row r="71" spans="1:19" s="30" customFormat="1" ht="12" customHeight="1">
      <c r="A71" s="38"/>
      <c r="B71" s="39" t="s">
        <v>230</v>
      </c>
      <c r="C71" s="40"/>
      <c r="D71" s="41">
        <v>3332163</v>
      </c>
      <c r="E71" s="41">
        <v>145393</v>
      </c>
      <c r="F71" s="42">
        <v>4.3633219623409776</v>
      </c>
      <c r="G71" s="41">
        <v>40148</v>
      </c>
      <c r="H71" s="42">
        <v>1.2048630274089234</v>
      </c>
      <c r="I71" s="41">
        <v>105245</v>
      </c>
      <c r="J71" s="42">
        <v>3.1584589349320549</v>
      </c>
      <c r="K71" s="196" t="s">
        <v>13</v>
      </c>
      <c r="L71" s="197" t="s">
        <v>13</v>
      </c>
    </row>
    <row r="72" spans="1:19" s="30" customFormat="1" ht="12" customHeight="1">
      <c r="A72" s="45"/>
      <c r="B72" s="24">
        <v>34</v>
      </c>
      <c r="C72" s="33"/>
      <c r="D72" s="34">
        <v>3208381</v>
      </c>
      <c r="E72" s="34">
        <v>123782</v>
      </c>
      <c r="F72" s="35">
        <v>3.8580829396508705</v>
      </c>
      <c r="G72" s="34">
        <v>38423</v>
      </c>
      <c r="H72" s="35">
        <v>1.1975822073500624</v>
      </c>
      <c r="I72" s="34">
        <v>85359</v>
      </c>
      <c r="J72" s="35">
        <v>2.6605007323008087</v>
      </c>
      <c r="K72" s="191" t="s">
        <v>13</v>
      </c>
      <c r="L72" s="192" t="s">
        <v>13</v>
      </c>
    </row>
    <row r="73" spans="1:19" s="2" customFormat="1" ht="12" customHeight="1" thickBot="1">
      <c r="A73" s="60"/>
      <c r="B73" s="187" t="s">
        <v>14</v>
      </c>
      <c r="C73" s="49"/>
      <c r="D73" s="62">
        <v>3099197</v>
      </c>
      <c r="E73" s="62">
        <v>109184</v>
      </c>
      <c r="F73" s="193" t="s">
        <v>13</v>
      </c>
      <c r="G73" s="62">
        <v>35708</v>
      </c>
      <c r="H73" s="193" t="s">
        <v>13</v>
      </c>
      <c r="I73" s="62">
        <v>73476</v>
      </c>
      <c r="J73" s="193" t="s">
        <v>13</v>
      </c>
      <c r="K73" s="194" t="s">
        <v>13</v>
      </c>
      <c r="L73" s="195" t="s">
        <v>13</v>
      </c>
    </row>
    <row r="74" spans="1:19" s="48" customFormat="1" ht="13.5" customHeight="1">
      <c r="A74" s="205" t="s">
        <v>15</v>
      </c>
      <c r="B74" s="205"/>
      <c r="C74" s="205"/>
      <c r="D74" s="205"/>
      <c r="E74" s="205"/>
      <c r="F74" s="205"/>
      <c r="G74" s="205"/>
      <c r="H74" s="205"/>
      <c r="I74" s="205"/>
      <c r="J74" s="205"/>
      <c r="K74" s="205"/>
      <c r="L74" s="205"/>
      <c r="M74" s="46"/>
      <c r="N74" s="46"/>
      <c r="O74" s="47"/>
      <c r="P74" s="47"/>
      <c r="Q74" s="47"/>
      <c r="R74" s="47"/>
      <c r="S74" s="47"/>
    </row>
  </sheetData>
  <mergeCells count="10">
    <mergeCell ref="A74:L74"/>
    <mergeCell ref="A1:L1"/>
    <mergeCell ref="A2:C2"/>
    <mergeCell ref="A3:C5"/>
    <mergeCell ref="D3:D5"/>
    <mergeCell ref="E3:E5"/>
    <mergeCell ref="K3:K5"/>
    <mergeCell ref="L3:L5"/>
    <mergeCell ref="G4:H4"/>
    <mergeCell ref="I4:J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8" orientation="portrait" r:id="rId1"/>
  <headerFooter>
    <oddFooter>&amp;C&amp;"HGPｺﾞｼｯｸM,ﾒﾃﾞｨｳﾑ"&amp;9- 13 -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/>
  <dimension ref="A1:V74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2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18.75" customHeight="1">
      <c r="A1" s="206" t="s">
        <v>155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22" ht="15" customHeight="1" thickBot="1">
      <c r="A2" s="207" t="s">
        <v>149</v>
      </c>
      <c r="B2" s="207"/>
      <c r="C2" s="207"/>
      <c r="I2" s="242"/>
      <c r="J2" s="242"/>
      <c r="K2" s="242"/>
    </row>
    <row r="3" spans="1:22" ht="15" customHeight="1">
      <c r="A3" s="208" t="s">
        <v>72</v>
      </c>
      <c r="B3" s="209"/>
      <c r="C3" s="209"/>
      <c r="D3" s="220" t="s">
        <v>222</v>
      </c>
      <c r="E3" s="209"/>
      <c r="F3" s="209"/>
      <c r="G3" s="250"/>
      <c r="H3" s="220" t="s">
        <v>223</v>
      </c>
      <c r="I3" s="209"/>
      <c r="J3" s="209"/>
      <c r="K3" s="251"/>
    </row>
    <row r="4" spans="1:22" ht="15" customHeight="1">
      <c r="A4" s="212"/>
      <c r="B4" s="213"/>
      <c r="C4" s="213"/>
      <c r="D4" s="7" t="s">
        <v>150</v>
      </c>
      <c r="E4" s="7" t="s">
        <v>151</v>
      </c>
      <c r="F4" s="7" t="s">
        <v>152</v>
      </c>
      <c r="G4" s="7" t="s">
        <v>5</v>
      </c>
      <c r="H4" s="7" t="s">
        <v>153</v>
      </c>
      <c r="I4" s="7" t="s">
        <v>151</v>
      </c>
      <c r="J4" s="7" t="s">
        <v>152</v>
      </c>
      <c r="K4" s="65" t="s">
        <v>5</v>
      </c>
    </row>
    <row r="5" spans="1:22" ht="10.5" customHeight="1">
      <c r="A5" s="9"/>
      <c r="B5" s="115"/>
      <c r="C5" s="49"/>
      <c r="D5" s="12" t="s">
        <v>10</v>
      </c>
      <c r="E5" s="12" t="s">
        <v>10</v>
      </c>
      <c r="F5" s="12" t="s">
        <v>10</v>
      </c>
      <c r="G5" s="12" t="s">
        <v>12</v>
      </c>
      <c r="H5" s="12" t="s">
        <v>10</v>
      </c>
      <c r="I5" s="12" t="s">
        <v>10</v>
      </c>
      <c r="J5" s="12" t="s">
        <v>10</v>
      </c>
      <c r="K5" s="14" t="s">
        <v>12</v>
      </c>
    </row>
    <row r="6" spans="1:22" ht="10.5" customHeight="1">
      <c r="A6" s="116"/>
      <c r="B6" s="117" t="s">
        <v>76</v>
      </c>
      <c r="C6" s="17"/>
      <c r="D6" s="18">
        <v>9234566</v>
      </c>
      <c r="E6" s="18">
        <v>4578270</v>
      </c>
      <c r="F6" s="18">
        <v>4656296</v>
      </c>
      <c r="G6" s="18">
        <v>4341998</v>
      </c>
      <c r="H6" s="18">
        <v>9235491</v>
      </c>
      <c r="I6" s="18">
        <v>4578589</v>
      </c>
      <c r="J6" s="18">
        <v>4656902</v>
      </c>
      <c r="K6" s="134">
        <v>4345858</v>
      </c>
    </row>
    <row r="7" spans="1:22" s="30" customFormat="1" ht="10.5" customHeight="1">
      <c r="A7" s="120"/>
      <c r="B7" s="121" t="s">
        <v>77</v>
      </c>
      <c r="C7" s="33"/>
      <c r="D7" s="122">
        <v>8949419</v>
      </c>
      <c r="E7" s="122">
        <v>4438145</v>
      </c>
      <c r="F7" s="122">
        <v>4511274</v>
      </c>
      <c r="G7" s="122">
        <v>4218485</v>
      </c>
      <c r="H7" s="122">
        <v>8950480</v>
      </c>
      <c r="I7" s="122">
        <v>4438523</v>
      </c>
      <c r="J7" s="122">
        <v>4511957</v>
      </c>
      <c r="K7" s="135">
        <v>4222263</v>
      </c>
      <c r="S7" s="31"/>
      <c r="T7" s="31"/>
      <c r="U7" s="31"/>
      <c r="V7" s="31"/>
    </row>
    <row r="8" spans="1:22" s="30" customFormat="1" ht="10.5" customHeight="1">
      <c r="A8" s="120"/>
      <c r="B8" s="121" t="s">
        <v>78</v>
      </c>
      <c r="C8" s="33"/>
      <c r="D8" s="122">
        <v>285147</v>
      </c>
      <c r="E8" s="122">
        <v>140125</v>
      </c>
      <c r="F8" s="122">
        <v>145022</v>
      </c>
      <c r="G8" s="122">
        <v>123513</v>
      </c>
      <c r="H8" s="122">
        <v>285011</v>
      </c>
      <c r="I8" s="122">
        <v>140066</v>
      </c>
      <c r="J8" s="122">
        <v>144945</v>
      </c>
      <c r="K8" s="135">
        <v>123595</v>
      </c>
      <c r="S8" s="31"/>
      <c r="T8" s="31"/>
      <c r="U8" s="31"/>
      <c r="V8" s="31"/>
    </row>
    <row r="9" spans="1:22" ht="10.5" customHeight="1">
      <c r="A9" s="125"/>
      <c r="B9" s="126" t="s">
        <v>79</v>
      </c>
      <c r="C9" s="40"/>
      <c r="D9" s="127">
        <v>3774180</v>
      </c>
      <c r="E9" s="127">
        <v>1861363</v>
      </c>
      <c r="F9" s="127">
        <v>1912817</v>
      </c>
      <c r="G9" s="127">
        <v>1796344</v>
      </c>
      <c r="H9" s="127">
        <v>3774611</v>
      </c>
      <c r="I9" s="127">
        <v>1861500</v>
      </c>
      <c r="J9" s="127">
        <v>1913111</v>
      </c>
      <c r="K9" s="136">
        <v>1797824</v>
      </c>
    </row>
    <row r="10" spans="1:22" ht="10.5" customHeight="1">
      <c r="A10" s="60"/>
      <c r="B10" s="115" t="s">
        <v>80</v>
      </c>
      <c r="C10" s="49"/>
      <c r="D10" s="130">
        <v>295882</v>
      </c>
      <c r="E10" s="130">
        <v>152617</v>
      </c>
      <c r="F10" s="130">
        <v>143265</v>
      </c>
      <c r="G10" s="130">
        <v>148257</v>
      </c>
      <c r="H10" s="130">
        <v>295913</v>
      </c>
      <c r="I10" s="130">
        <v>152659</v>
      </c>
      <c r="J10" s="130">
        <v>143254</v>
      </c>
      <c r="K10" s="137">
        <v>148353</v>
      </c>
    </row>
    <row r="11" spans="1:22" ht="10.5" customHeight="1">
      <c r="A11" s="60"/>
      <c r="B11" s="115" t="s">
        <v>81</v>
      </c>
      <c r="C11" s="49"/>
      <c r="D11" s="130">
        <v>249461</v>
      </c>
      <c r="E11" s="130">
        <v>127132</v>
      </c>
      <c r="F11" s="130">
        <v>122329</v>
      </c>
      <c r="G11" s="130">
        <v>133393</v>
      </c>
      <c r="H11" s="130">
        <v>249628</v>
      </c>
      <c r="I11" s="130">
        <v>127178</v>
      </c>
      <c r="J11" s="130">
        <v>122450</v>
      </c>
      <c r="K11" s="137">
        <v>133535</v>
      </c>
    </row>
    <row r="12" spans="1:22" ht="10.5" customHeight="1">
      <c r="A12" s="60"/>
      <c r="B12" s="115" t="s">
        <v>82</v>
      </c>
      <c r="C12" s="49"/>
      <c r="D12" s="130">
        <v>106355</v>
      </c>
      <c r="E12" s="130">
        <v>53751</v>
      </c>
      <c r="F12" s="130">
        <v>52604</v>
      </c>
      <c r="G12" s="130">
        <v>59112</v>
      </c>
      <c r="H12" s="130">
        <v>106486</v>
      </c>
      <c r="I12" s="130">
        <v>53820</v>
      </c>
      <c r="J12" s="130">
        <v>52666</v>
      </c>
      <c r="K12" s="137">
        <v>59242</v>
      </c>
    </row>
    <row r="13" spans="1:22" ht="10.5" customHeight="1">
      <c r="A13" s="60"/>
      <c r="B13" s="115" t="s">
        <v>83</v>
      </c>
      <c r="C13" s="49"/>
      <c r="D13" s="130">
        <v>151692</v>
      </c>
      <c r="E13" s="130">
        <v>76879</v>
      </c>
      <c r="F13" s="130">
        <v>74813</v>
      </c>
      <c r="G13" s="130">
        <v>87097</v>
      </c>
      <c r="H13" s="130">
        <v>151850</v>
      </c>
      <c r="I13" s="130">
        <v>76994</v>
      </c>
      <c r="J13" s="130">
        <v>74856</v>
      </c>
      <c r="K13" s="137">
        <v>87284</v>
      </c>
    </row>
    <row r="14" spans="1:22" ht="10.5" customHeight="1">
      <c r="A14" s="60"/>
      <c r="B14" s="115" t="s">
        <v>84</v>
      </c>
      <c r="C14" s="49"/>
      <c r="D14" s="130">
        <v>198828</v>
      </c>
      <c r="E14" s="130">
        <v>99193</v>
      </c>
      <c r="F14" s="130">
        <v>99635</v>
      </c>
      <c r="G14" s="130">
        <v>107499</v>
      </c>
      <c r="H14" s="130">
        <v>198965</v>
      </c>
      <c r="I14" s="130">
        <v>99249</v>
      </c>
      <c r="J14" s="130">
        <v>99716</v>
      </c>
      <c r="K14" s="137">
        <v>107689</v>
      </c>
    </row>
    <row r="15" spans="1:22" ht="10.5" customHeight="1">
      <c r="A15" s="60"/>
      <c r="B15" s="115" t="s">
        <v>85</v>
      </c>
      <c r="C15" s="49"/>
      <c r="D15" s="130">
        <v>214369</v>
      </c>
      <c r="E15" s="130">
        <v>104178</v>
      </c>
      <c r="F15" s="130">
        <v>110191</v>
      </c>
      <c r="G15" s="130">
        <v>97508</v>
      </c>
      <c r="H15" s="130">
        <v>214162</v>
      </c>
      <c r="I15" s="130">
        <v>104090</v>
      </c>
      <c r="J15" s="130">
        <v>110072</v>
      </c>
      <c r="K15" s="137">
        <v>97473</v>
      </c>
    </row>
    <row r="16" spans="1:22" ht="10.5" customHeight="1">
      <c r="A16" s="60"/>
      <c r="B16" s="115" t="s">
        <v>86</v>
      </c>
      <c r="C16" s="49"/>
      <c r="D16" s="130">
        <v>206089</v>
      </c>
      <c r="E16" s="130">
        <v>100974</v>
      </c>
      <c r="F16" s="130">
        <v>105115</v>
      </c>
      <c r="G16" s="130">
        <v>100928</v>
      </c>
      <c r="H16" s="130">
        <v>206097</v>
      </c>
      <c r="I16" s="130">
        <v>100996</v>
      </c>
      <c r="J16" s="130">
        <v>105101</v>
      </c>
      <c r="K16" s="137">
        <v>100992</v>
      </c>
    </row>
    <row r="17" spans="1:11" ht="10.5" customHeight="1">
      <c r="A17" s="60"/>
      <c r="B17" s="115" t="s">
        <v>87</v>
      </c>
      <c r="C17" s="49"/>
      <c r="D17" s="130">
        <v>241994</v>
      </c>
      <c r="E17" s="130">
        <v>116454</v>
      </c>
      <c r="F17" s="130">
        <v>125540</v>
      </c>
      <c r="G17" s="130">
        <v>108143</v>
      </c>
      <c r="H17" s="130">
        <v>242064</v>
      </c>
      <c r="I17" s="130">
        <v>116491</v>
      </c>
      <c r="J17" s="130">
        <v>125573</v>
      </c>
      <c r="K17" s="137">
        <v>108276</v>
      </c>
    </row>
    <row r="18" spans="1:11" ht="10.5" customHeight="1">
      <c r="A18" s="60"/>
      <c r="B18" s="115" t="s">
        <v>88</v>
      </c>
      <c r="C18" s="49"/>
      <c r="D18" s="130">
        <v>165454</v>
      </c>
      <c r="E18" s="130">
        <v>81328</v>
      </c>
      <c r="F18" s="130">
        <v>84126</v>
      </c>
      <c r="G18" s="130">
        <v>79957</v>
      </c>
      <c r="H18" s="130">
        <v>165434</v>
      </c>
      <c r="I18" s="130">
        <v>81337</v>
      </c>
      <c r="J18" s="130">
        <v>84097</v>
      </c>
      <c r="K18" s="137">
        <v>80020</v>
      </c>
    </row>
    <row r="19" spans="1:11" ht="10.5" customHeight="1">
      <c r="A19" s="60"/>
      <c r="B19" s="115" t="s">
        <v>89</v>
      </c>
      <c r="C19" s="49"/>
      <c r="D19" s="130">
        <v>195526</v>
      </c>
      <c r="E19" s="130">
        <v>94899</v>
      </c>
      <c r="F19" s="130">
        <v>100627</v>
      </c>
      <c r="G19" s="130">
        <v>90737</v>
      </c>
      <c r="H19" s="130">
        <v>195415</v>
      </c>
      <c r="I19" s="130">
        <v>94820</v>
      </c>
      <c r="J19" s="130">
        <v>100595</v>
      </c>
      <c r="K19" s="137">
        <v>90777</v>
      </c>
    </row>
    <row r="20" spans="1:11" ht="10.5" customHeight="1">
      <c r="A20" s="60"/>
      <c r="B20" s="115" t="s">
        <v>90</v>
      </c>
      <c r="C20" s="49"/>
      <c r="D20" s="130">
        <v>363007</v>
      </c>
      <c r="E20" s="130">
        <v>180936</v>
      </c>
      <c r="F20" s="130">
        <v>182071</v>
      </c>
      <c r="G20" s="130">
        <v>180940</v>
      </c>
      <c r="H20" s="130">
        <v>363157</v>
      </c>
      <c r="I20" s="130">
        <v>180967</v>
      </c>
      <c r="J20" s="130">
        <v>182190</v>
      </c>
      <c r="K20" s="137">
        <v>181061</v>
      </c>
    </row>
    <row r="21" spans="1:11" ht="10.5" customHeight="1">
      <c r="A21" s="60"/>
      <c r="B21" s="115" t="s">
        <v>91</v>
      </c>
      <c r="C21" s="49"/>
      <c r="D21" s="130">
        <v>183091</v>
      </c>
      <c r="E21" s="130">
        <v>89895</v>
      </c>
      <c r="F21" s="130">
        <v>93196</v>
      </c>
      <c r="G21" s="130">
        <v>81478</v>
      </c>
      <c r="H21" s="130">
        <v>183202</v>
      </c>
      <c r="I21" s="130">
        <v>89947</v>
      </c>
      <c r="J21" s="130">
        <v>93255</v>
      </c>
      <c r="K21" s="137">
        <v>81595</v>
      </c>
    </row>
    <row r="22" spans="1:11" ht="10.5" customHeight="1">
      <c r="A22" s="60"/>
      <c r="B22" s="115" t="s">
        <v>92</v>
      </c>
      <c r="C22" s="49"/>
      <c r="D22" s="130">
        <v>310083</v>
      </c>
      <c r="E22" s="130">
        <v>149443</v>
      </c>
      <c r="F22" s="130">
        <v>160640</v>
      </c>
      <c r="G22" s="130">
        <v>135820</v>
      </c>
      <c r="H22" s="130">
        <v>309968</v>
      </c>
      <c r="I22" s="130">
        <v>149326</v>
      </c>
      <c r="J22" s="130">
        <v>160642</v>
      </c>
      <c r="K22" s="137">
        <v>135826</v>
      </c>
    </row>
    <row r="23" spans="1:11" ht="10.5" customHeight="1">
      <c r="A23" s="60"/>
      <c r="B23" s="115" t="s">
        <v>93</v>
      </c>
      <c r="C23" s="49"/>
      <c r="D23" s="130">
        <v>215124</v>
      </c>
      <c r="E23" s="130">
        <v>105259</v>
      </c>
      <c r="F23" s="130">
        <v>109865</v>
      </c>
      <c r="G23" s="130">
        <v>87946</v>
      </c>
      <c r="H23" s="130">
        <v>215309</v>
      </c>
      <c r="I23" s="130">
        <v>105301</v>
      </c>
      <c r="J23" s="130">
        <v>110008</v>
      </c>
      <c r="K23" s="137">
        <v>88103</v>
      </c>
    </row>
    <row r="24" spans="1:11" ht="10.5" customHeight="1">
      <c r="A24" s="60"/>
      <c r="B24" s="115" t="s">
        <v>94</v>
      </c>
      <c r="C24" s="49"/>
      <c r="D24" s="130">
        <v>283340</v>
      </c>
      <c r="E24" s="130">
        <v>137886</v>
      </c>
      <c r="F24" s="130">
        <v>145454</v>
      </c>
      <c r="G24" s="130">
        <v>125084</v>
      </c>
      <c r="H24" s="130">
        <v>283271</v>
      </c>
      <c r="I24" s="130">
        <v>137872</v>
      </c>
      <c r="J24" s="130">
        <v>145399</v>
      </c>
      <c r="K24" s="137">
        <v>125128</v>
      </c>
    </row>
    <row r="25" spans="1:11" ht="10.5" customHeight="1">
      <c r="A25" s="60"/>
      <c r="B25" s="115" t="s">
        <v>95</v>
      </c>
      <c r="C25" s="49"/>
      <c r="D25" s="130">
        <v>121047</v>
      </c>
      <c r="E25" s="130">
        <v>58807</v>
      </c>
      <c r="F25" s="130">
        <v>62240</v>
      </c>
      <c r="G25" s="130">
        <v>54474</v>
      </c>
      <c r="H25" s="130">
        <v>120997</v>
      </c>
      <c r="I25" s="130">
        <v>58778</v>
      </c>
      <c r="J25" s="130">
        <v>62219</v>
      </c>
      <c r="K25" s="137">
        <v>54465</v>
      </c>
    </row>
    <row r="26" spans="1:11" ht="10.5" customHeight="1">
      <c r="A26" s="60"/>
      <c r="B26" s="115" t="s">
        <v>96</v>
      </c>
      <c r="C26" s="49"/>
      <c r="D26" s="130">
        <v>151196</v>
      </c>
      <c r="E26" s="130">
        <v>73067</v>
      </c>
      <c r="F26" s="130">
        <v>78129</v>
      </c>
      <c r="G26" s="130">
        <v>64118</v>
      </c>
      <c r="H26" s="130">
        <v>151070</v>
      </c>
      <c r="I26" s="130">
        <v>73011</v>
      </c>
      <c r="J26" s="130">
        <v>78059</v>
      </c>
      <c r="K26" s="137">
        <v>64105</v>
      </c>
    </row>
    <row r="27" spans="1:11" ht="10.5" customHeight="1">
      <c r="A27" s="60"/>
      <c r="B27" s="115" t="s">
        <v>97</v>
      </c>
      <c r="C27" s="49"/>
      <c r="D27" s="130">
        <v>121642</v>
      </c>
      <c r="E27" s="130">
        <v>58665</v>
      </c>
      <c r="F27" s="130">
        <v>62977</v>
      </c>
      <c r="G27" s="130">
        <v>53853</v>
      </c>
      <c r="H27" s="130">
        <v>121623</v>
      </c>
      <c r="I27" s="130">
        <v>58664</v>
      </c>
      <c r="J27" s="130">
        <v>62959</v>
      </c>
      <c r="K27" s="137">
        <v>53900</v>
      </c>
    </row>
    <row r="28" spans="1:11" ht="10.5" customHeight="1">
      <c r="A28" s="125"/>
      <c r="B28" s="126" t="s">
        <v>98</v>
      </c>
      <c r="C28" s="40"/>
      <c r="D28" s="127">
        <v>1543765</v>
      </c>
      <c r="E28" s="127">
        <v>776851</v>
      </c>
      <c r="F28" s="127">
        <v>766914</v>
      </c>
      <c r="G28" s="127">
        <v>770093</v>
      </c>
      <c r="H28" s="127">
        <v>1544713</v>
      </c>
      <c r="I28" s="127">
        <v>777342</v>
      </c>
      <c r="J28" s="127">
        <v>767371</v>
      </c>
      <c r="K28" s="136">
        <v>771064</v>
      </c>
    </row>
    <row r="29" spans="1:11" ht="10.5" customHeight="1">
      <c r="A29" s="60"/>
      <c r="B29" s="115" t="s">
        <v>99</v>
      </c>
      <c r="C29" s="49"/>
      <c r="D29" s="130">
        <v>230831</v>
      </c>
      <c r="E29" s="130">
        <v>124227</v>
      </c>
      <c r="F29" s="130">
        <v>106604</v>
      </c>
      <c r="G29" s="130">
        <v>125732</v>
      </c>
      <c r="H29" s="130">
        <v>231028</v>
      </c>
      <c r="I29" s="130">
        <v>124392</v>
      </c>
      <c r="J29" s="130">
        <v>106636</v>
      </c>
      <c r="K29" s="137">
        <v>125943</v>
      </c>
    </row>
    <row r="30" spans="1:11" ht="10.5" customHeight="1">
      <c r="A30" s="60"/>
      <c r="B30" s="115" t="s">
        <v>100</v>
      </c>
      <c r="C30" s="49"/>
      <c r="D30" s="130">
        <v>171867</v>
      </c>
      <c r="E30" s="130">
        <v>86870</v>
      </c>
      <c r="F30" s="130">
        <v>84997</v>
      </c>
      <c r="G30" s="130">
        <v>82090</v>
      </c>
      <c r="H30" s="130">
        <v>171956</v>
      </c>
      <c r="I30" s="130">
        <v>86907</v>
      </c>
      <c r="J30" s="130">
        <v>85049</v>
      </c>
      <c r="K30" s="137">
        <v>82173</v>
      </c>
    </row>
    <row r="31" spans="1:11" ht="10.5" customHeight="1">
      <c r="A31" s="60"/>
      <c r="B31" s="115" t="s">
        <v>101</v>
      </c>
      <c r="C31" s="49"/>
      <c r="D31" s="130">
        <v>265808</v>
      </c>
      <c r="E31" s="130">
        <v>134335</v>
      </c>
      <c r="F31" s="130">
        <v>131473</v>
      </c>
      <c r="G31" s="130">
        <v>139130</v>
      </c>
      <c r="H31" s="130">
        <v>266119</v>
      </c>
      <c r="I31" s="130">
        <v>134509</v>
      </c>
      <c r="J31" s="130">
        <v>131610</v>
      </c>
      <c r="K31" s="137">
        <v>139332</v>
      </c>
    </row>
    <row r="32" spans="1:11" ht="10.5" customHeight="1">
      <c r="A32" s="60"/>
      <c r="B32" s="115" t="s">
        <v>102</v>
      </c>
      <c r="C32" s="49"/>
      <c r="D32" s="130">
        <v>234245</v>
      </c>
      <c r="E32" s="130">
        <v>115906</v>
      </c>
      <c r="F32" s="130">
        <v>118339</v>
      </c>
      <c r="G32" s="130">
        <v>116815</v>
      </c>
      <c r="H32" s="130">
        <v>234449</v>
      </c>
      <c r="I32" s="130">
        <v>115970</v>
      </c>
      <c r="J32" s="130">
        <v>118479</v>
      </c>
      <c r="K32" s="137">
        <v>117013</v>
      </c>
    </row>
    <row r="33" spans="1:11" ht="10.5" customHeight="1">
      <c r="A33" s="60"/>
      <c r="B33" s="115" t="s">
        <v>103</v>
      </c>
      <c r="C33" s="49"/>
      <c r="D33" s="130">
        <v>234942</v>
      </c>
      <c r="E33" s="130">
        <v>113656</v>
      </c>
      <c r="F33" s="130">
        <v>121286</v>
      </c>
      <c r="G33" s="130">
        <v>105715</v>
      </c>
      <c r="H33" s="130">
        <v>235043</v>
      </c>
      <c r="I33" s="130">
        <v>113697</v>
      </c>
      <c r="J33" s="130">
        <v>121346</v>
      </c>
      <c r="K33" s="137">
        <v>105826</v>
      </c>
    </row>
    <row r="34" spans="1:11" ht="10.5" customHeight="1">
      <c r="A34" s="60"/>
      <c r="B34" s="115" t="s">
        <v>104</v>
      </c>
      <c r="C34" s="49"/>
      <c r="D34" s="130">
        <v>225209</v>
      </c>
      <c r="E34" s="130">
        <v>114654</v>
      </c>
      <c r="F34" s="130">
        <v>110555</v>
      </c>
      <c r="G34" s="130">
        <v>118906</v>
      </c>
      <c r="H34" s="130">
        <v>225301</v>
      </c>
      <c r="I34" s="130">
        <v>114718</v>
      </c>
      <c r="J34" s="130">
        <v>110583</v>
      </c>
      <c r="K34" s="137">
        <v>119027</v>
      </c>
    </row>
    <row r="35" spans="1:11" ht="10.5" customHeight="1">
      <c r="A35" s="60"/>
      <c r="B35" s="115" t="s">
        <v>105</v>
      </c>
      <c r="C35" s="49"/>
      <c r="D35" s="130">
        <v>180863</v>
      </c>
      <c r="E35" s="130">
        <v>87203</v>
      </c>
      <c r="F35" s="130">
        <v>93660</v>
      </c>
      <c r="G35" s="130">
        <v>81705</v>
      </c>
      <c r="H35" s="130">
        <v>180817</v>
      </c>
      <c r="I35" s="130">
        <v>87149</v>
      </c>
      <c r="J35" s="130">
        <v>93668</v>
      </c>
      <c r="K35" s="137">
        <v>81750</v>
      </c>
    </row>
    <row r="36" spans="1:11" ht="10.5" customHeight="1">
      <c r="A36" s="125"/>
      <c r="B36" s="126" t="s">
        <v>106</v>
      </c>
      <c r="C36" s="40"/>
      <c r="D36" s="127">
        <v>725475</v>
      </c>
      <c r="E36" s="127">
        <v>361142</v>
      </c>
      <c r="F36" s="127">
        <v>364333</v>
      </c>
      <c r="G36" s="127">
        <v>343782</v>
      </c>
      <c r="H36" s="127">
        <v>725462</v>
      </c>
      <c r="I36" s="127">
        <v>361146</v>
      </c>
      <c r="J36" s="127">
        <v>364316</v>
      </c>
      <c r="K36" s="136">
        <v>344063</v>
      </c>
    </row>
    <row r="37" spans="1:11" ht="10.5" customHeight="1">
      <c r="A37" s="60"/>
      <c r="B37" s="115" t="s">
        <v>91</v>
      </c>
      <c r="C37" s="49"/>
      <c r="D37" s="130">
        <v>168081</v>
      </c>
      <c r="E37" s="130">
        <v>84432</v>
      </c>
      <c r="F37" s="130">
        <v>83649</v>
      </c>
      <c r="G37" s="130">
        <v>76751</v>
      </c>
      <c r="H37" s="130">
        <v>167980</v>
      </c>
      <c r="I37" s="130">
        <v>84367</v>
      </c>
      <c r="J37" s="130">
        <v>83613</v>
      </c>
      <c r="K37" s="137">
        <v>76761</v>
      </c>
    </row>
    <row r="38" spans="1:11" ht="10.5" customHeight="1">
      <c r="A38" s="60"/>
      <c r="B38" s="115" t="s">
        <v>107</v>
      </c>
      <c r="C38" s="49"/>
      <c r="D38" s="130">
        <v>274549</v>
      </c>
      <c r="E38" s="130">
        <v>137065</v>
      </c>
      <c r="F38" s="130">
        <v>137484</v>
      </c>
      <c r="G38" s="130">
        <v>129389</v>
      </c>
      <c r="H38" s="130">
        <v>274606</v>
      </c>
      <c r="I38" s="130">
        <v>137067</v>
      </c>
      <c r="J38" s="130">
        <v>137539</v>
      </c>
      <c r="K38" s="137">
        <v>129542</v>
      </c>
    </row>
    <row r="39" spans="1:11" ht="10.5" customHeight="1">
      <c r="A39" s="60"/>
      <c r="B39" s="115" t="s">
        <v>84</v>
      </c>
      <c r="C39" s="49"/>
      <c r="D39" s="130">
        <v>282845</v>
      </c>
      <c r="E39" s="130">
        <v>139645</v>
      </c>
      <c r="F39" s="130">
        <v>143200</v>
      </c>
      <c r="G39" s="130">
        <v>137642</v>
      </c>
      <c r="H39" s="130">
        <v>282876</v>
      </c>
      <c r="I39" s="130">
        <v>139712</v>
      </c>
      <c r="J39" s="130">
        <v>143164</v>
      </c>
      <c r="K39" s="137">
        <v>137760</v>
      </c>
    </row>
    <row r="40" spans="1:11" ht="10.5" customHeight="1">
      <c r="A40" s="9"/>
      <c r="B40" s="115" t="s">
        <v>108</v>
      </c>
      <c r="C40" s="49"/>
      <c r="D40" s="130">
        <v>378352</v>
      </c>
      <c r="E40" s="130">
        <v>188931</v>
      </c>
      <c r="F40" s="130">
        <v>189421</v>
      </c>
      <c r="G40" s="130">
        <v>166194</v>
      </c>
      <c r="H40" s="130">
        <v>377918</v>
      </c>
      <c r="I40" s="130">
        <v>188620</v>
      </c>
      <c r="J40" s="130">
        <v>189298</v>
      </c>
      <c r="K40" s="137">
        <v>166170</v>
      </c>
    </row>
    <row r="41" spans="1:11" ht="10.5" customHeight="1">
      <c r="A41" s="9"/>
      <c r="B41" s="115" t="s">
        <v>109</v>
      </c>
      <c r="C41" s="49"/>
      <c r="D41" s="130">
        <v>257919</v>
      </c>
      <c r="E41" s="130">
        <v>128662</v>
      </c>
      <c r="F41" s="130">
        <v>129257</v>
      </c>
      <c r="G41" s="130">
        <v>115851</v>
      </c>
      <c r="H41" s="130">
        <v>258173</v>
      </c>
      <c r="I41" s="130">
        <v>128806</v>
      </c>
      <c r="J41" s="130">
        <v>129367</v>
      </c>
      <c r="K41" s="137">
        <v>116152</v>
      </c>
    </row>
    <row r="42" spans="1:11" ht="10.5" customHeight="1">
      <c r="A42" s="9"/>
      <c r="B42" s="115" t="s">
        <v>110</v>
      </c>
      <c r="C42" s="49"/>
      <c r="D42" s="130">
        <v>171978</v>
      </c>
      <c r="E42" s="130">
        <v>80664</v>
      </c>
      <c r="F42" s="130">
        <v>91314</v>
      </c>
      <c r="G42" s="130">
        <v>77110</v>
      </c>
      <c r="H42" s="130">
        <v>171863</v>
      </c>
      <c r="I42" s="130">
        <v>80636</v>
      </c>
      <c r="J42" s="130">
        <v>91227</v>
      </c>
      <c r="K42" s="137">
        <v>77128</v>
      </c>
    </row>
    <row r="43" spans="1:11" ht="10.5" customHeight="1">
      <c r="A43" s="9"/>
      <c r="B43" s="115" t="s">
        <v>111</v>
      </c>
      <c r="C43" s="49"/>
      <c r="D43" s="130">
        <v>444044</v>
      </c>
      <c r="E43" s="130">
        <v>219071</v>
      </c>
      <c r="F43" s="130">
        <v>224973</v>
      </c>
      <c r="G43" s="130">
        <v>201614</v>
      </c>
      <c r="H43" s="130">
        <v>444053</v>
      </c>
      <c r="I43" s="130">
        <v>219013</v>
      </c>
      <c r="J43" s="130">
        <v>225040</v>
      </c>
      <c r="K43" s="137">
        <v>201733</v>
      </c>
    </row>
    <row r="44" spans="1:11" ht="10.5" customHeight="1">
      <c r="A44" s="9"/>
      <c r="B44" s="115" t="s">
        <v>112</v>
      </c>
      <c r="C44" s="49"/>
      <c r="D44" s="130">
        <v>186813</v>
      </c>
      <c r="E44" s="130">
        <v>90365</v>
      </c>
      <c r="F44" s="130">
        <v>96448</v>
      </c>
      <c r="G44" s="130">
        <v>84251</v>
      </c>
      <c r="H44" s="130">
        <v>186771</v>
      </c>
      <c r="I44" s="130">
        <v>90342</v>
      </c>
      <c r="J44" s="130">
        <v>96429</v>
      </c>
      <c r="K44" s="137">
        <v>84335</v>
      </c>
    </row>
    <row r="45" spans="1:11" ht="10.5" customHeight="1">
      <c r="A45" s="9"/>
      <c r="B45" s="115" t="s">
        <v>113</v>
      </c>
      <c r="C45" s="49"/>
      <c r="D45" s="130">
        <v>245011</v>
      </c>
      <c r="E45" s="130">
        <v>118660</v>
      </c>
      <c r="F45" s="130">
        <v>126351</v>
      </c>
      <c r="G45" s="130">
        <v>106707</v>
      </c>
      <c r="H45" s="130">
        <v>245157</v>
      </c>
      <c r="I45" s="130">
        <v>118754</v>
      </c>
      <c r="J45" s="130">
        <v>126403</v>
      </c>
      <c r="K45" s="137">
        <v>106829</v>
      </c>
    </row>
    <row r="46" spans="1:11" ht="10.5" customHeight="1">
      <c r="A46" s="9"/>
      <c r="B46" s="115" t="s">
        <v>114</v>
      </c>
      <c r="C46" s="49"/>
      <c r="D46" s="130">
        <v>56249</v>
      </c>
      <c r="E46" s="130">
        <v>26250</v>
      </c>
      <c r="F46" s="130">
        <v>29999</v>
      </c>
      <c r="G46" s="130">
        <v>25099</v>
      </c>
      <c r="H46" s="130">
        <v>56194</v>
      </c>
      <c r="I46" s="130">
        <v>26220</v>
      </c>
      <c r="J46" s="130">
        <v>29974</v>
      </c>
      <c r="K46" s="137">
        <v>25099</v>
      </c>
    </row>
    <row r="47" spans="1:11" ht="10.5" customHeight="1">
      <c r="A47" s="9"/>
      <c r="B47" s="115" t="s">
        <v>115</v>
      </c>
      <c r="C47" s="49"/>
      <c r="D47" s="130">
        <v>40571</v>
      </c>
      <c r="E47" s="130">
        <v>19366</v>
      </c>
      <c r="F47" s="130">
        <v>21205</v>
      </c>
      <c r="G47" s="130">
        <v>17173</v>
      </c>
      <c r="H47" s="130">
        <v>40505</v>
      </c>
      <c r="I47" s="130">
        <v>19326</v>
      </c>
      <c r="J47" s="130">
        <v>21179</v>
      </c>
      <c r="K47" s="137">
        <v>17170</v>
      </c>
    </row>
    <row r="48" spans="1:11" ht="10.5" customHeight="1">
      <c r="A48" s="9"/>
      <c r="B48" s="115" t="s">
        <v>116</v>
      </c>
      <c r="C48" s="49"/>
      <c r="D48" s="130">
        <v>161458</v>
      </c>
      <c r="E48" s="130">
        <v>81569</v>
      </c>
      <c r="F48" s="130">
        <v>79889</v>
      </c>
      <c r="G48" s="130">
        <v>72581</v>
      </c>
      <c r="H48" s="130">
        <v>161430</v>
      </c>
      <c r="I48" s="130">
        <v>81559</v>
      </c>
      <c r="J48" s="130">
        <v>79871</v>
      </c>
      <c r="K48" s="137">
        <v>72641</v>
      </c>
    </row>
    <row r="49" spans="1:11" ht="10.5" customHeight="1">
      <c r="A49" s="9"/>
      <c r="B49" s="115" t="s">
        <v>117</v>
      </c>
      <c r="C49" s="49"/>
      <c r="D49" s="130">
        <v>224129</v>
      </c>
      <c r="E49" s="130">
        <v>115416</v>
      </c>
      <c r="F49" s="130">
        <v>108713</v>
      </c>
      <c r="G49" s="130">
        <v>104434</v>
      </c>
      <c r="H49" s="130">
        <v>224117</v>
      </c>
      <c r="I49" s="130">
        <v>115436</v>
      </c>
      <c r="J49" s="130">
        <v>108681</v>
      </c>
      <c r="K49" s="137">
        <v>104543</v>
      </c>
    </row>
    <row r="50" spans="1:11" ht="10.5" customHeight="1">
      <c r="A50" s="9"/>
      <c r="B50" s="115" t="s">
        <v>118</v>
      </c>
      <c r="C50" s="49"/>
      <c r="D50" s="130">
        <v>243214</v>
      </c>
      <c r="E50" s="130">
        <v>121225</v>
      </c>
      <c r="F50" s="130">
        <v>121989</v>
      </c>
      <c r="G50" s="130">
        <v>114956</v>
      </c>
      <c r="H50" s="130">
        <v>243191</v>
      </c>
      <c r="I50" s="130">
        <v>121210</v>
      </c>
      <c r="J50" s="130">
        <v>121981</v>
      </c>
      <c r="K50" s="137">
        <v>114996</v>
      </c>
    </row>
    <row r="51" spans="1:11" ht="10.5" customHeight="1">
      <c r="A51" s="9"/>
      <c r="B51" s="115" t="s">
        <v>119</v>
      </c>
      <c r="C51" s="49"/>
      <c r="D51" s="130">
        <v>101558</v>
      </c>
      <c r="E51" s="130">
        <v>51384</v>
      </c>
      <c r="F51" s="130">
        <v>50174</v>
      </c>
      <c r="G51" s="130">
        <v>46926</v>
      </c>
      <c r="H51" s="130">
        <v>101531</v>
      </c>
      <c r="I51" s="130">
        <v>51377</v>
      </c>
      <c r="J51" s="130">
        <v>50154</v>
      </c>
      <c r="K51" s="137">
        <v>46950</v>
      </c>
    </row>
    <row r="52" spans="1:11" ht="10.5" customHeight="1">
      <c r="A52" s="9"/>
      <c r="B52" s="115" t="s">
        <v>120</v>
      </c>
      <c r="C52" s="49"/>
      <c r="D52" s="130">
        <v>139757</v>
      </c>
      <c r="E52" s="130">
        <v>70191</v>
      </c>
      <c r="F52" s="130">
        <v>69566</v>
      </c>
      <c r="G52" s="130">
        <v>61536</v>
      </c>
      <c r="H52" s="130">
        <v>139781</v>
      </c>
      <c r="I52" s="130">
        <v>70201</v>
      </c>
      <c r="J52" s="130">
        <v>69580</v>
      </c>
      <c r="K52" s="137">
        <v>61566</v>
      </c>
    </row>
    <row r="53" spans="1:11" ht="10.5" customHeight="1">
      <c r="A53" s="9"/>
      <c r="B53" s="115" t="s">
        <v>121</v>
      </c>
      <c r="C53" s="49"/>
      <c r="D53" s="130">
        <v>132028</v>
      </c>
      <c r="E53" s="130">
        <v>65594</v>
      </c>
      <c r="F53" s="130">
        <v>66434</v>
      </c>
      <c r="G53" s="130">
        <v>61789</v>
      </c>
      <c r="H53" s="130">
        <v>132113</v>
      </c>
      <c r="I53" s="130">
        <v>65618</v>
      </c>
      <c r="J53" s="130">
        <v>66495</v>
      </c>
      <c r="K53" s="137">
        <v>61896</v>
      </c>
    </row>
    <row r="54" spans="1:11" ht="10.5" customHeight="1">
      <c r="A54" s="9"/>
      <c r="B54" s="115" t="s">
        <v>122</v>
      </c>
      <c r="C54" s="49"/>
      <c r="D54" s="130">
        <v>39896</v>
      </c>
      <c r="E54" s="130">
        <v>19490</v>
      </c>
      <c r="F54" s="130">
        <v>20406</v>
      </c>
      <c r="G54" s="130">
        <v>16596</v>
      </c>
      <c r="H54" s="130">
        <v>39885</v>
      </c>
      <c r="I54" s="130">
        <v>19487</v>
      </c>
      <c r="J54" s="130">
        <v>20398</v>
      </c>
      <c r="K54" s="137">
        <v>16637</v>
      </c>
    </row>
    <row r="55" spans="1:11" ht="10.5" customHeight="1">
      <c r="A55" s="9"/>
      <c r="B55" s="115" t="s">
        <v>123</v>
      </c>
      <c r="C55" s="49"/>
      <c r="D55" s="130">
        <v>83022</v>
      </c>
      <c r="E55" s="130">
        <v>41951</v>
      </c>
      <c r="F55" s="130">
        <v>41071</v>
      </c>
      <c r="G55" s="130">
        <v>35449</v>
      </c>
      <c r="H55" s="130">
        <v>83012</v>
      </c>
      <c r="I55" s="130">
        <v>41930</v>
      </c>
      <c r="J55" s="130">
        <v>41082</v>
      </c>
      <c r="K55" s="137">
        <v>35467</v>
      </c>
    </row>
    <row r="56" spans="1:11" ht="10.5" customHeight="1">
      <c r="A56" s="9"/>
      <c r="B56" s="115" t="s">
        <v>124</v>
      </c>
      <c r="C56" s="49"/>
      <c r="D56" s="122">
        <v>31247</v>
      </c>
      <c r="E56" s="130">
        <v>14662</v>
      </c>
      <c r="F56" s="130">
        <v>16585</v>
      </c>
      <c r="G56" s="130">
        <v>13093</v>
      </c>
      <c r="H56" s="130">
        <v>31206</v>
      </c>
      <c r="I56" s="130">
        <v>14652</v>
      </c>
      <c r="J56" s="130">
        <v>16554</v>
      </c>
      <c r="K56" s="137">
        <v>13086</v>
      </c>
    </row>
    <row r="57" spans="1:11" ht="10.5" customHeight="1">
      <c r="A57" s="9"/>
      <c r="B57" s="115" t="s">
        <v>125</v>
      </c>
      <c r="C57" s="49"/>
      <c r="D57" s="122">
        <v>48590</v>
      </c>
      <c r="E57" s="130">
        <v>24659</v>
      </c>
      <c r="F57" s="130">
        <v>23931</v>
      </c>
      <c r="G57" s="130">
        <v>20588</v>
      </c>
      <c r="H57" s="130">
        <v>48601</v>
      </c>
      <c r="I57" s="130">
        <v>24669</v>
      </c>
      <c r="J57" s="130">
        <v>23932</v>
      </c>
      <c r="K57" s="137">
        <v>20621</v>
      </c>
    </row>
    <row r="58" spans="1:11" ht="10.5" customHeight="1">
      <c r="A58" s="125"/>
      <c r="B58" s="126" t="s">
        <v>126</v>
      </c>
      <c r="C58" s="40"/>
      <c r="D58" s="127">
        <v>58221</v>
      </c>
      <c r="E58" s="127">
        <v>28172</v>
      </c>
      <c r="F58" s="127">
        <v>30049</v>
      </c>
      <c r="G58" s="127">
        <v>24640</v>
      </c>
      <c r="H58" s="127">
        <v>58178</v>
      </c>
      <c r="I58" s="127">
        <v>28145</v>
      </c>
      <c r="J58" s="127">
        <v>30033</v>
      </c>
      <c r="K58" s="136">
        <v>24652</v>
      </c>
    </row>
    <row r="59" spans="1:11" ht="10.5" customHeight="1">
      <c r="A59" s="60"/>
      <c r="B59" s="115" t="s">
        <v>127</v>
      </c>
      <c r="C59" s="49"/>
      <c r="D59" s="130">
        <v>31179</v>
      </c>
      <c r="E59" s="130">
        <v>15177</v>
      </c>
      <c r="F59" s="130">
        <v>16002</v>
      </c>
      <c r="G59" s="130">
        <v>12917</v>
      </c>
      <c r="H59" s="130">
        <v>31178</v>
      </c>
      <c r="I59" s="130">
        <v>15180</v>
      </c>
      <c r="J59" s="130">
        <v>15998</v>
      </c>
      <c r="K59" s="137">
        <v>12927</v>
      </c>
    </row>
    <row r="60" spans="1:11" ht="10.5" customHeight="1">
      <c r="A60" s="60"/>
      <c r="B60" s="115" t="s">
        <v>128</v>
      </c>
      <c r="C60" s="49"/>
      <c r="D60" s="130">
        <v>27042</v>
      </c>
      <c r="E60" s="130">
        <v>12995</v>
      </c>
      <c r="F60" s="130">
        <v>14047</v>
      </c>
      <c r="G60" s="130">
        <v>11723</v>
      </c>
      <c r="H60" s="130">
        <v>27000</v>
      </c>
      <c r="I60" s="130">
        <v>12965</v>
      </c>
      <c r="J60" s="130">
        <v>14035</v>
      </c>
      <c r="K60" s="137">
        <v>11725</v>
      </c>
    </row>
    <row r="61" spans="1:11" ht="10.5" customHeight="1">
      <c r="A61" s="125"/>
      <c r="B61" s="126" t="s">
        <v>129</v>
      </c>
      <c r="C61" s="40"/>
      <c r="D61" s="127">
        <v>64729</v>
      </c>
      <c r="E61" s="127">
        <v>31836</v>
      </c>
      <c r="F61" s="127">
        <v>32893</v>
      </c>
      <c r="G61" s="127">
        <v>26295</v>
      </c>
      <c r="H61" s="127">
        <v>64727</v>
      </c>
      <c r="I61" s="127">
        <v>31815</v>
      </c>
      <c r="J61" s="127">
        <v>32912</v>
      </c>
      <c r="K61" s="136">
        <v>26326</v>
      </c>
    </row>
    <row r="62" spans="1:11" ht="10.5" customHeight="1">
      <c r="A62" s="60"/>
      <c r="B62" s="115" t="s">
        <v>130</v>
      </c>
      <c r="C62" s="49"/>
      <c r="D62" s="130">
        <v>9006</v>
      </c>
      <c r="E62" s="130">
        <v>4490</v>
      </c>
      <c r="F62" s="130">
        <v>4516</v>
      </c>
      <c r="G62" s="130">
        <v>3443</v>
      </c>
      <c r="H62" s="130">
        <v>8985</v>
      </c>
      <c r="I62" s="130">
        <v>4483</v>
      </c>
      <c r="J62" s="130">
        <v>4502</v>
      </c>
      <c r="K62" s="137">
        <v>3438</v>
      </c>
    </row>
    <row r="63" spans="1:11" ht="10.5" customHeight="1">
      <c r="A63" s="60"/>
      <c r="B63" s="115" t="s">
        <v>131</v>
      </c>
      <c r="C63" s="49"/>
      <c r="D63" s="130">
        <v>17272</v>
      </c>
      <c r="E63" s="130">
        <v>8478</v>
      </c>
      <c r="F63" s="130">
        <v>8794</v>
      </c>
      <c r="G63" s="130">
        <v>7054</v>
      </c>
      <c r="H63" s="130">
        <v>17274</v>
      </c>
      <c r="I63" s="130">
        <v>8474</v>
      </c>
      <c r="J63" s="130">
        <v>8800</v>
      </c>
      <c r="K63" s="137">
        <v>7049</v>
      </c>
    </row>
    <row r="64" spans="1:11" ht="10.5" customHeight="1">
      <c r="A64" s="60"/>
      <c r="B64" s="115" t="s">
        <v>132</v>
      </c>
      <c r="C64" s="49"/>
      <c r="D64" s="130">
        <v>10420</v>
      </c>
      <c r="E64" s="130">
        <v>5165</v>
      </c>
      <c r="F64" s="130">
        <v>5255</v>
      </c>
      <c r="G64" s="130">
        <v>4556</v>
      </c>
      <c r="H64" s="130">
        <v>10435</v>
      </c>
      <c r="I64" s="130">
        <v>5155</v>
      </c>
      <c r="J64" s="130">
        <v>5280</v>
      </c>
      <c r="K64" s="137">
        <v>4575</v>
      </c>
    </row>
    <row r="65" spans="1:11" ht="10.5" customHeight="1">
      <c r="A65" s="60"/>
      <c r="B65" s="115" t="s">
        <v>133</v>
      </c>
      <c r="C65" s="49"/>
      <c r="D65" s="130">
        <v>9315</v>
      </c>
      <c r="E65" s="130">
        <v>4619</v>
      </c>
      <c r="F65" s="130">
        <v>4696</v>
      </c>
      <c r="G65" s="130">
        <v>3938</v>
      </c>
      <c r="H65" s="130">
        <v>9286</v>
      </c>
      <c r="I65" s="130">
        <v>4605</v>
      </c>
      <c r="J65" s="130">
        <v>4681</v>
      </c>
      <c r="K65" s="137">
        <v>3930</v>
      </c>
    </row>
    <row r="66" spans="1:11" ht="10.5" customHeight="1">
      <c r="A66" s="60"/>
      <c r="B66" s="115" t="s">
        <v>134</v>
      </c>
      <c r="C66" s="49"/>
      <c r="D66" s="130">
        <v>18716</v>
      </c>
      <c r="E66" s="130">
        <v>9084</v>
      </c>
      <c r="F66" s="130">
        <v>9632</v>
      </c>
      <c r="G66" s="130">
        <v>7304</v>
      </c>
      <c r="H66" s="130">
        <v>18747</v>
      </c>
      <c r="I66" s="130">
        <v>9098</v>
      </c>
      <c r="J66" s="130">
        <v>9649</v>
      </c>
      <c r="K66" s="137">
        <v>7334</v>
      </c>
    </row>
    <row r="67" spans="1:11" ht="10.5" customHeight="1">
      <c r="A67" s="125"/>
      <c r="B67" s="126" t="s">
        <v>135</v>
      </c>
      <c r="C67" s="40"/>
      <c r="D67" s="127">
        <v>40047</v>
      </c>
      <c r="E67" s="127">
        <v>18708</v>
      </c>
      <c r="F67" s="127">
        <v>21339</v>
      </c>
      <c r="G67" s="127">
        <v>20204</v>
      </c>
      <c r="H67" s="127">
        <v>39971</v>
      </c>
      <c r="I67" s="127">
        <v>18680</v>
      </c>
      <c r="J67" s="127">
        <v>21291</v>
      </c>
      <c r="K67" s="136">
        <v>20184</v>
      </c>
    </row>
    <row r="68" spans="1:11" ht="10.5" customHeight="1">
      <c r="A68" s="60"/>
      <c r="B68" s="115" t="s">
        <v>136</v>
      </c>
      <c r="C68" s="49"/>
      <c r="D68" s="130">
        <v>11037</v>
      </c>
      <c r="E68" s="130">
        <v>5266</v>
      </c>
      <c r="F68" s="130">
        <v>5771</v>
      </c>
      <c r="G68" s="130">
        <v>6484</v>
      </c>
      <c r="H68" s="130">
        <v>11023</v>
      </c>
      <c r="I68" s="130">
        <v>5269</v>
      </c>
      <c r="J68" s="130">
        <v>5754</v>
      </c>
      <c r="K68" s="137">
        <v>6482</v>
      </c>
    </row>
    <row r="69" spans="1:11" ht="10.5" customHeight="1">
      <c r="A69" s="60"/>
      <c r="B69" s="115" t="s">
        <v>137</v>
      </c>
      <c r="C69" s="49"/>
      <c r="D69" s="130">
        <v>6380</v>
      </c>
      <c r="E69" s="130">
        <v>2953</v>
      </c>
      <c r="F69" s="130">
        <v>3427</v>
      </c>
      <c r="G69" s="130">
        <v>2919</v>
      </c>
      <c r="H69" s="130">
        <v>6363</v>
      </c>
      <c r="I69" s="130">
        <v>2951</v>
      </c>
      <c r="J69" s="130">
        <v>3412</v>
      </c>
      <c r="K69" s="137">
        <v>2917</v>
      </c>
    </row>
    <row r="70" spans="1:11" ht="10.5" customHeight="1">
      <c r="A70" s="60"/>
      <c r="B70" s="115" t="s">
        <v>138</v>
      </c>
      <c r="C70" s="49"/>
      <c r="D70" s="130">
        <v>22630</v>
      </c>
      <c r="E70" s="130">
        <v>10489</v>
      </c>
      <c r="F70" s="130">
        <v>12141</v>
      </c>
      <c r="G70" s="130">
        <v>10801</v>
      </c>
      <c r="H70" s="130">
        <v>22585</v>
      </c>
      <c r="I70" s="130">
        <v>10460</v>
      </c>
      <c r="J70" s="130">
        <v>12125</v>
      </c>
      <c r="K70" s="137">
        <v>10785</v>
      </c>
    </row>
    <row r="71" spans="1:11" ht="10.5" customHeight="1">
      <c r="A71" s="125"/>
      <c r="B71" s="126" t="s">
        <v>139</v>
      </c>
      <c r="C71" s="40"/>
      <c r="D71" s="127">
        <v>42313</v>
      </c>
      <c r="E71" s="127">
        <v>22088</v>
      </c>
      <c r="F71" s="127">
        <v>20225</v>
      </c>
      <c r="G71" s="127">
        <v>18693</v>
      </c>
      <c r="H71" s="127">
        <v>42328</v>
      </c>
      <c r="I71" s="127">
        <v>22105</v>
      </c>
      <c r="J71" s="127">
        <v>20223</v>
      </c>
      <c r="K71" s="136">
        <v>18726</v>
      </c>
    </row>
    <row r="72" spans="1:11" ht="10.5" customHeight="1">
      <c r="A72" s="60"/>
      <c r="B72" s="115" t="s">
        <v>140</v>
      </c>
      <c r="C72" s="49"/>
      <c r="D72" s="130">
        <v>39391</v>
      </c>
      <c r="E72" s="130">
        <v>20593</v>
      </c>
      <c r="F72" s="130">
        <v>18798</v>
      </c>
      <c r="G72" s="130">
        <v>17565</v>
      </c>
      <c r="H72" s="130">
        <v>39405</v>
      </c>
      <c r="I72" s="130">
        <v>20609</v>
      </c>
      <c r="J72" s="130">
        <v>18796</v>
      </c>
      <c r="K72" s="137">
        <v>17597</v>
      </c>
    </row>
    <row r="73" spans="1:11" ht="10.5" customHeight="1" thickBot="1">
      <c r="A73" s="133"/>
      <c r="B73" s="138" t="s">
        <v>141</v>
      </c>
      <c r="C73" s="139"/>
      <c r="D73" s="140">
        <v>2922</v>
      </c>
      <c r="E73" s="140">
        <v>1495</v>
      </c>
      <c r="F73" s="140">
        <v>1427</v>
      </c>
      <c r="G73" s="140">
        <v>1128</v>
      </c>
      <c r="H73" s="140">
        <v>2923</v>
      </c>
      <c r="I73" s="140">
        <v>1496</v>
      </c>
      <c r="J73" s="140">
        <v>1427</v>
      </c>
      <c r="K73" s="141">
        <v>1129</v>
      </c>
    </row>
    <row r="74" spans="1:11" ht="9.75" customHeight="1"/>
  </sheetData>
  <mergeCells count="6"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  <headerFooter>
    <oddFooter>&amp;C&amp;"HGPｺﾞｼｯｸM,ﾒﾃﾞｨｳﾑ"&amp;9- 22 -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7"/>
  <dimension ref="A1:V74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2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18.75" customHeight="1">
      <c r="A1" s="206" t="s">
        <v>15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22" ht="15" customHeight="1" thickBot="1">
      <c r="A2" s="207" t="s">
        <v>149</v>
      </c>
      <c r="B2" s="207"/>
      <c r="C2" s="207"/>
      <c r="I2" s="242"/>
      <c r="J2" s="242"/>
      <c r="K2" s="242"/>
    </row>
    <row r="3" spans="1:22" ht="15" customHeight="1">
      <c r="A3" s="208" t="s">
        <v>72</v>
      </c>
      <c r="B3" s="209"/>
      <c r="C3" s="209"/>
      <c r="D3" s="220" t="s">
        <v>220</v>
      </c>
      <c r="E3" s="209"/>
      <c r="F3" s="209"/>
      <c r="G3" s="250"/>
      <c r="H3" s="220" t="s">
        <v>221</v>
      </c>
      <c r="I3" s="209"/>
      <c r="J3" s="209"/>
      <c r="K3" s="251"/>
    </row>
    <row r="4" spans="1:22" ht="15" customHeight="1">
      <c r="A4" s="212"/>
      <c r="B4" s="213"/>
      <c r="C4" s="213"/>
      <c r="D4" s="7" t="s">
        <v>150</v>
      </c>
      <c r="E4" s="7" t="s">
        <v>151</v>
      </c>
      <c r="F4" s="7" t="s">
        <v>152</v>
      </c>
      <c r="G4" s="7" t="s">
        <v>5</v>
      </c>
      <c r="H4" s="7" t="s">
        <v>153</v>
      </c>
      <c r="I4" s="7" t="s">
        <v>151</v>
      </c>
      <c r="J4" s="7" t="s">
        <v>152</v>
      </c>
      <c r="K4" s="65" t="s">
        <v>5</v>
      </c>
    </row>
    <row r="5" spans="1:22" ht="10.5" customHeight="1">
      <c r="A5" s="9"/>
      <c r="B5" s="115"/>
      <c r="C5" s="49"/>
      <c r="D5" s="12" t="s">
        <v>10</v>
      </c>
      <c r="E5" s="12" t="s">
        <v>10</v>
      </c>
      <c r="F5" s="12" t="s">
        <v>10</v>
      </c>
      <c r="G5" s="12" t="s">
        <v>12</v>
      </c>
      <c r="H5" s="12" t="s">
        <v>10</v>
      </c>
      <c r="I5" s="12" t="s">
        <v>10</v>
      </c>
      <c r="J5" s="12" t="s">
        <v>10</v>
      </c>
      <c r="K5" s="14" t="s">
        <v>12</v>
      </c>
    </row>
    <row r="6" spans="1:22" ht="10.5" customHeight="1">
      <c r="A6" s="116"/>
      <c r="B6" s="117" t="s">
        <v>76</v>
      </c>
      <c r="C6" s="17"/>
      <c r="D6" s="18">
        <v>9233545</v>
      </c>
      <c r="E6" s="18">
        <v>4577047</v>
      </c>
      <c r="F6" s="18">
        <v>4656498</v>
      </c>
      <c r="G6" s="18">
        <v>4347642</v>
      </c>
      <c r="H6" s="18">
        <v>9232904</v>
      </c>
      <c r="I6" s="18">
        <v>4576726</v>
      </c>
      <c r="J6" s="18">
        <v>4656178</v>
      </c>
      <c r="K6" s="134">
        <v>4349546</v>
      </c>
    </row>
    <row r="7" spans="1:22" s="30" customFormat="1" ht="10.5" customHeight="1">
      <c r="A7" s="120"/>
      <c r="B7" s="121" t="s">
        <v>77</v>
      </c>
      <c r="C7" s="33"/>
      <c r="D7" s="122">
        <v>8948560</v>
      </c>
      <c r="E7" s="122">
        <v>4436983</v>
      </c>
      <c r="F7" s="122">
        <v>4511577</v>
      </c>
      <c r="G7" s="122">
        <v>4223988</v>
      </c>
      <c r="H7" s="122">
        <v>8947989</v>
      </c>
      <c r="I7" s="122">
        <v>4436679</v>
      </c>
      <c r="J7" s="122">
        <v>4511310</v>
      </c>
      <c r="K7" s="135">
        <v>4225843</v>
      </c>
      <c r="S7" s="31"/>
      <c r="T7" s="31"/>
      <c r="U7" s="31"/>
      <c r="V7" s="31"/>
    </row>
    <row r="8" spans="1:22" s="30" customFormat="1" ht="10.5" customHeight="1">
      <c r="A8" s="120"/>
      <c r="B8" s="121" t="s">
        <v>78</v>
      </c>
      <c r="C8" s="33"/>
      <c r="D8" s="122">
        <v>284985</v>
      </c>
      <c r="E8" s="122">
        <v>140064</v>
      </c>
      <c r="F8" s="122">
        <v>144921</v>
      </c>
      <c r="G8" s="122">
        <v>123654</v>
      </c>
      <c r="H8" s="122">
        <v>284915</v>
      </c>
      <c r="I8" s="122">
        <v>140047</v>
      </c>
      <c r="J8" s="122">
        <v>144868</v>
      </c>
      <c r="K8" s="135">
        <v>123703</v>
      </c>
      <c r="S8" s="31"/>
      <c r="T8" s="31"/>
      <c r="U8" s="31"/>
      <c r="V8" s="31"/>
    </row>
    <row r="9" spans="1:22" ht="10.5" customHeight="1">
      <c r="A9" s="125"/>
      <c r="B9" s="126" t="s">
        <v>79</v>
      </c>
      <c r="C9" s="40"/>
      <c r="D9" s="127">
        <v>3773602</v>
      </c>
      <c r="E9" s="127">
        <v>1860996</v>
      </c>
      <c r="F9" s="127">
        <v>1912606</v>
      </c>
      <c r="G9" s="127">
        <v>1798172</v>
      </c>
      <c r="H9" s="127">
        <v>3773403</v>
      </c>
      <c r="I9" s="127">
        <v>1860777</v>
      </c>
      <c r="J9" s="127">
        <v>1912626</v>
      </c>
      <c r="K9" s="136">
        <v>1798832</v>
      </c>
    </row>
    <row r="10" spans="1:22" ht="10.5" customHeight="1">
      <c r="A10" s="60"/>
      <c r="B10" s="115" t="s">
        <v>80</v>
      </c>
      <c r="C10" s="49"/>
      <c r="D10" s="130">
        <v>295916</v>
      </c>
      <c r="E10" s="130">
        <v>152689</v>
      </c>
      <c r="F10" s="130">
        <v>143227</v>
      </c>
      <c r="G10" s="130">
        <v>148387</v>
      </c>
      <c r="H10" s="130">
        <v>295978</v>
      </c>
      <c r="I10" s="130">
        <v>152808</v>
      </c>
      <c r="J10" s="130">
        <v>143170</v>
      </c>
      <c r="K10" s="137">
        <v>148499</v>
      </c>
    </row>
    <row r="11" spans="1:22" ht="10.5" customHeight="1">
      <c r="A11" s="60"/>
      <c r="B11" s="115" t="s">
        <v>81</v>
      </c>
      <c r="C11" s="49"/>
      <c r="D11" s="130">
        <v>249562</v>
      </c>
      <c r="E11" s="130">
        <v>127106</v>
      </c>
      <c r="F11" s="130">
        <v>122456</v>
      </c>
      <c r="G11" s="130">
        <v>133530</v>
      </c>
      <c r="H11" s="130">
        <v>249514</v>
      </c>
      <c r="I11" s="130">
        <v>127010</v>
      </c>
      <c r="J11" s="130">
        <v>122504</v>
      </c>
      <c r="K11" s="137">
        <v>133552</v>
      </c>
    </row>
    <row r="12" spans="1:22" ht="10.5" customHeight="1">
      <c r="A12" s="60"/>
      <c r="B12" s="115" t="s">
        <v>82</v>
      </c>
      <c r="C12" s="49"/>
      <c r="D12" s="130">
        <v>106442</v>
      </c>
      <c r="E12" s="130">
        <v>53844</v>
      </c>
      <c r="F12" s="130">
        <v>52598</v>
      </c>
      <c r="G12" s="130">
        <v>59240</v>
      </c>
      <c r="H12" s="130">
        <v>106355</v>
      </c>
      <c r="I12" s="130">
        <v>53797</v>
      </c>
      <c r="J12" s="130">
        <v>52558</v>
      </c>
      <c r="K12" s="137">
        <v>59200</v>
      </c>
    </row>
    <row r="13" spans="1:22" ht="10.5" customHeight="1">
      <c r="A13" s="60"/>
      <c r="B13" s="115" t="s">
        <v>83</v>
      </c>
      <c r="C13" s="49"/>
      <c r="D13" s="130">
        <v>151720</v>
      </c>
      <c r="E13" s="130">
        <v>76949</v>
      </c>
      <c r="F13" s="130">
        <v>74771</v>
      </c>
      <c r="G13" s="130">
        <v>87253</v>
      </c>
      <c r="H13" s="130">
        <v>151686</v>
      </c>
      <c r="I13" s="130">
        <v>76914</v>
      </c>
      <c r="J13" s="130">
        <v>74772</v>
      </c>
      <c r="K13" s="137">
        <v>87281</v>
      </c>
    </row>
    <row r="14" spans="1:22" ht="10.5" customHeight="1">
      <c r="A14" s="60"/>
      <c r="B14" s="115" t="s">
        <v>84</v>
      </c>
      <c r="C14" s="49"/>
      <c r="D14" s="130">
        <v>198980</v>
      </c>
      <c r="E14" s="130">
        <v>99252</v>
      </c>
      <c r="F14" s="130">
        <v>99728</v>
      </c>
      <c r="G14" s="130">
        <v>107757</v>
      </c>
      <c r="H14" s="130">
        <v>199059</v>
      </c>
      <c r="I14" s="130">
        <v>99316</v>
      </c>
      <c r="J14" s="130">
        <v>99743</v>
      </c>
      <c r="K14" s="137">
        <v>107866</v>
      </c>
    </row>
    <row r="15" spans="1:22" ht="10.5" customHeight="1">
      <c r="A15" s="60"/>
      <c r="B15" s="115" t="s">
        <v>85</v>
      </c>
      <c r="C15" s="49"/>
      <c r="D15" s="130">
        <v>214068</v>
      </c>
      <c r="E15" s="130">
        <v>104051</v>
      </c>
      <c r="F15" s="130">
        <v>110017</v>
      </c>
      <c r="G15" s="130">
        <v>97502</v>
      </c>
      <c r="H15" s="130">
        <v>214001</v>
      </c>
      <c r="I15" s="130">
        <v>103989</v>
      </c>
      <c r="J15" s="130">
        <v>110012</v>
      </c>
      <c r="K15" s="137">
        <v>97512</v>
      </c>
    </row>
    <row r="16" spans="1:22" ht="10.5" customHeight="1">
      <c r="A16" s="60"/>
      <c r="B16" s="115" t="s">
        <v>86</v>
      </c>
      <c r="C16" s="49"/>
      <c r="D16" s="130">
        <v>206012</v>
      </c>
      <c r="E16" s="130">
        <v>100956</v>
      </c>
      <c r="F16" s="130">
        <v>105056</v>
      </c>
      <c r="G16" s="130">
        <v>100989</v>
      </c>
      <c r="H16" s="130">
        <v>205955</v>
      </c>
      <c r="I16" s="130">
        <v>100924</v>
      </c>
      <c r="J16" s="130">
        <v>105031</v>
      </c>
      <c r="K16" s="137">
        <v>100993</v>
      </c>
    </row>
    <row r="17" spans="1:11" ht="10.5" customHeight="1">
      <c r="A17" s="60"/>
      <c r="B17" s="115" t="s">
        <v>87</v>
      </c>
      <c r="C17" s="49"/>
      <c r="D17" s="130">
        <v>241980</v>
      </c>
      <c r="E17" s="130">
        <v>116422</v>
      </c>
      <c r="F17" s="130">
        <v>125558</v>
      </c>
      <c r="G17" s="130">
        <v>108303</v>
      </c>
      <c r="H17" s="130">
        <v>241958</v>
      </c>
      <c r="I17" s="130">
        <v>116382</v>
      </c>
      <c r="J17" s="130">
        <v>125576</v>
      </c>
      <c r="K17" s="137">
        <v>108364</v>
      </c>
    </row>
    <row r="18" spans="1:11" ht="10.5" customHeight="1">
      <c r="A18" s="60"/>
      <c r="B18" s="115" t="s">
        <v>88</v>
      </c>
      <c r="C18" s="49"/>
      <c r="D18" s="130">
        <v>165360</v>
      </c>
      <c r="E18" s="130">
        <v>81264</v>
      </c>
      <c r="F18" s="130">
        <v>84096</v>
      </c>
      <c r="G18" s="130">
        <v>79990</v>
      </c>
      <c r="H18" s="130">
        <v>165369</v>
      </c>
      <c r="I18" s="130">
        <v>81286</v>
      </c>
      <c r="J18" s="130">
        <v>84083</v>
      </c>
      <c r="K18" s="137">
        <v>80001</v>
      </c>
    </row>
    <row r="19" spans="1:11" ht="10.5" customHeight="1">
      <c r="A19" s="60"/>
      <c r="B19" s="115" t="s">
        <v>89</v>
      </c>
      <c r="C19" s="49"/>
      <c r="D19" s="130">
        <v>195387</v>
      </c>
      <c r="E19" s="130">
        <v>94809</v>
      </c>
      <c r="F19" s="130">
        <v>100578</v>
      </c>
      <c r="G19" s="130">
        <v>90818</v>
      </c>
      <c r="H19" s="130">
        <v>195513</v>
      </c>
      <c r="I19" s="130">
        <v>94788</v>
      </c>
      <c r="J19" s="130">
        <v>100725</v>
      </c>
      <c r="K19" s="137">
        <v>91055</v>
      </c>
    </row>
    <row r="20" spans="1:11" ht="10.5" customHeight="1">
      <c r="A20" s="60"/>
      <c r="B20" s="115" t="s">
        <v>90</v>
      </c>
      <c r="C20" s="49"/>
      <c r="D20" s="130">
        <v>363160</v>
      </c>
      <c r="E20" s="130">
        <v>180965</v>
      </c>
      <c r="F20" s="130">
        <v>182195</v>
      </c>
      <c r="G20" s="130">
        <v>181056</v>
      </c>
      <c r="H20" s="130">
        <v>363015</v>
      </c>
      <c r="I20" s="130">
        <v>180882</v>
      </c>
      <c r="J20" s="130">
        <v>182133</v>
      </c>
      <c r="K20" s="137">
        <v>180928</v>
      </c>
    </row>
    <row r="21" spans="1:11" ht="10.5" customHeight="1">
      <c r="A21" s="60"/>
      <c r="B21" s="115" t="s">
        <v>91</v>
      </c>
      <c r="C21" s="49"/>
      <c r="D21" s="130">
        <v>183172</v>
      </c>
      <c r="E21" s="130">
        <v>89935</v>
      </c>
      <c r="F21" s="130">
        <v>93237</v>
      </c>
      <c r="G21" s="130">
        <v>81632</v>
      </c>
      <c r="H21" s="130">
        <v>183142</v>
      </c>
      <c r="I21" s="130">
        <v>89911</v>
      </c>
      <c r="J21" s="130">
        <v>93231</v>
      </c>
      <c r="K21" s="137">
        <v>81681</v>
      </c>
    </row>
    <row r="22" spans="1:11" ht="10.5" customHeight="1">
      <c r="A22" s="60"/>
      <c r="B22" s="115" t="s">
        <v>92</v>
      </c>
      <c r="C22" s="49"/>
      <c r="D22" s="130">
        <v>309802</v>
      </c>
      <c r="E22" s="130">
        <v>149221</v>
      </c>
      <c r="F22" s="130">
        <v>160581</v>
      </c>
      <c r="G22" s="130">
        <v>135851</v>
      </c>
      <c r="H22" s="130">
        <v>309701</v>
      </c>
      <c r="I22" s="130">
        <v>149216</v>
      </c>
      <c r="J22" s="130">
        <v>160485</v>
      </c>
      <c r="K22" s="137">
        <v>135856</v>
      </c>
    </row>
    <row r="23" spans="1:11" ht="10.5" customHeight="1">
      <c r="A23" s="60"/>
      <c r="B23" s="115" t="s">
        <v>93</v>
      </c>
      <c r="C23" s="49"/>
      <c r="D23" s="130">
        <v>215217</v>
      </c>
      <c r="E23" s="130">
        <v>105234</v>
      </c>
      <c r="F23" s="130">
        <v>109983</v>
      </c>
      <c r="G23" s="130">
        <v>88138</v>
      </c>
      <c r="H23" s="130">
        <v>215345</v>
      </c>
      <c r="I23" s="130">
        <v>105290</v>
      </c>
      <c r="J23" s="130">
        <v>110055</v>
      </c>
      <c r="K23" s="137">
        <v>88228</v>
      </c>
    </row>
    <row r="24" spans="1:11" ht="10.5" customHeight="1">
      <c r="A24" s="60"/>
      <c r="B24" s="115" t="s">
        <v>94</v>
      </c>
      <c r="C24" s="49"/>
      <c r="D24" s="130">
        <v>283215</v>
      </c>
      <c r="E24" s="130">
        <v>137896</v>
      </c>
      <c r="F24" s="130">
        <v>145319</v>
      </c>
      <c r="G24" s="130">
        <v>125173</v>
      </c>
      <c r="H24" s="130">
        <v>283250</v>
      </c>
      <c r="I24" s="130">
        <v>137920</v>
      </c>
      <c r="J24" s="130">
        <v>145330</v>
      </c>
      <c r="K24" s="137">
        <v>125227</v>
      </c>
    </row>
    <row r="25" spans="1:11" ht="10.5" customHeight="1">
      <c r="A25" s="60"/>
      <c r="B25" s="115" t="s">
        <v>95</v>
      </c>
      <c r="C25" s="49"/>
      <c r="D25" s="130">
        <v>121004</v>
      </c>
      <c r="E25" s="130">
        <v>58765</v>
      </c>
      <c r="F25" s="130">
        <v>62239</v>
      </c>
      <c r="G25" s="130">
        <v>54515</v>
      </c>
      <c r="H25" s="130">
        <v>120981</v>
      </c>
      <c r="I25" s="130">
        <v>58730</v>
      </c>
      <c r="J25" s="130">
        <v>62251</v>
      </c>
      <c r="K25" s="137">
        <v>54510</v>
      </c>
    </row>
    <row r="26" spans="1:11" ht="10.5" customHeight="1">
      <c r="A26" s="60"/>
      <c r="B26" s="115" t="s">
        <v>96</v>
      </c>
      <c r="C26" s="49"/>
      <c r="D26" s="130">
        <v>150952</v>
      </c>
      <c r="E26" s="130">
        <v>72962</v>
      </c>
      <c r="F26" s="130">
        <v>77990</v>
      </c>
      <c r="G26" s="130">
        <v>64061</v>
      </c>
      <c r="H26" s="130">
        <v>150960</v>
      </c>
      <c r="I26" s="130">
        <v>72954</v>
      </c>
      <c r="J26" s="130">
        <v>78006</v>
      </c>
      <c r="K26" s="137">
        <v>64087</v>
      </c>
    </row>
    <row r="27" spans="1:11" ht="10.5" customHeight="1">
      <c r="A27" s="60"/>
      <c r="B27" s="115" t="s">
        <v>97</v>
      </c>
      <c r="C27" s="49"/>
      <c r="D27" s="130">
        <v>121653</v>
      </c>
      <c r="E27" s="130">
        <v>58676</v>
      </c>
      <c r="F27" s="130">
        <v>62977</v>
      </c>
      <c r="G27" s="130">
        <v>53977</v>
      </c>
      <c r="H27" s="130">
        <v>121621</v>
      </c>
      <c r="I27" s="130">
        <v>58660</v>
      </c>
      <c r="J27" s="130">
        <v>62961</v>
      </c>
      <c r="K27" s="137">
        <v>53992</v>
      </c>
    </row>
    <row r="28" spans="1:11" ht="10.5" customHeight="1">
      <c r="A28" s="125"/>
      <c r="B28" s="126" t="s">
        <v>98</v>
      </c>
      <c r="C28" s="40"/>
      <c r="D28" s="127">
        <v>1544893</v>
      </c>
      <c r="E28" s="127">
        <v>777377</v>
      </c>
      <c r="F28" s="127">
        <v>767516</v>
      </c>
      <c r="G28" s="127">
        <v>771321</v>
      </c>
      <c r="H28" s="127">
        <v>1545091</v>
      </c>
      <c r="I28" s="127">
        <v>777544</v>
      </c>
      <c r="J28" s="127">
        <v>767547</v>
      </c>
      <c r="K28" s="136">
        <v>771659</v>
      </c>
    </row>
    <row r="29" spans="1:11" ht="10.5" customHeight="1">
      <c r="A29" s="60"/>
      <c r="B29" s="115" t="s">
        <v>99</v>
      </c>
      <c r="C29" s="49"/>
      <c r="D29" s="130">
        <v>231065</v>
      </c>
      <c r="E29" s="130">
        <v>124421</v>
      </c>
      <c r="F29" s="130">
        <v>106644</v>
      </c>
      <c r="G29" s="130">
        <v>125997</v>
      </c>
      <c r="H29" s="130">
        <v>231215</v>
      </c>
      <c r="I29" s="130">
        <v>124500</v>
      </c>
      <c r="J29" s="130">
        <v>106715</v>
      </c>
      <c r="K29" s="137">
        <v>126189</v>
      </c>
    </row>
    <row r="30" spans="1:11" ht="10.5" customHeight="1">
      <c r="A30" s="60"/>
      <c r="B30" s="115" t="s">
        <v>100</v>
      </c>
      <c r="C30" s="49"/>
      <c r="D30" s="130">
        <v>171949</v>
      </c>
      <c r="E30" s="130">
        <v>86920</v>
      </c>
      <c r="F30" s="130">
        <v>85029</v>
      </c>
      <c r="G30" s="130">
        <v>82194</v>
      </c>
      <c r="H30" s="130">
        <v>171971</v>
      </c>
      <c r="I30" s="130">
        <v>86973</v>
      </c>
      <c r="J30" s="130">
        <v>84998</v>
      </c>
      <c r="K30" s="137">
        <v>82187</v>
      </c>
    </row>
    <row r="31" spans="1:11" ht="10.5" customHeight="1">
      <c r="A31" s="60"/>
      <c r="B31" s="115" t="s">
        <v>101</v>
      </c>
      <c r="C31" s="49"/>
      <c r="D31" s="130">
        <v>266294</v>
      </c>
      <c r="E31" s="130">
        <v>134558</v>
      </c>
      <c r="F31" s="130">
        <v>131736</v>
      </c>
      <c r="G31" s="130">
        <v>139386</v>
      </c>
      <c r="H31" s="130">
        <v>266370</v>
      </c>
      <c r="I31" s="130">
        <v>134619</v>
      </c>
      <c r="J31" s="130">
        <v>131751</v>
      </c>
      <c r="K31" s="137">
        <v>139424</v>
      </c>
    </row>
    <row r="32" spans="1:11" ht="10.5" customHeight="1">
      <c r="A32" s="60"/>
      <c r="B32" s="115" t="s">
        <v>102</v>
      </c>
      <c r="C32" s="49"/>
      <c r="D32" s="130">
        <v>234451</v>
      </c>
      <c r="E32" s="130">
        <v>116008</v>
      </c>
      <c r="F32" s="130">
        <v>118443</v>
      </c>
      <c r="G32" s="130">
        <v>117050</v>
      </c>
      <c r="H32" s="130">
        <v>234540</v>
      </c>
      <c r="I32" s="130">
        <v>116047</v>
      </c>
      <c r="J32" s="130">
        <v>118493</v>
      </c>
      <c r="K32" s="137">
        <v>117144</v>
      </c>
    </row>
    <row r="33" spans="1:11" ht="10.5" customHeight="1">
      <c r="A33" s="60"/>
      <c r="B33" s="115" t="s">
        <v>103</v>
      </c>
      <c r="C33" s="49"/>
      <c r="D33" s="130">
        <v>235082</v>
      </c>
      <c r="E33" s="130">
        <v>113674</v>
      </c>
      <c r="F33" s="130">
        <v>121408</v>
      </c>
      <c r="G33" s="130">
        <v>105858</v>
      </c>
      <c r="H33" s="130">
        <v>234967</v>
      </c>
      <c r="I33" s="130">
        <v>113640</v>
      </c>
      <c r="J33" s="130">
        <v>121327</v>
      </c>
      <c r="K33" s="137">
        <v>105863</v>
      </c>
    </row>
    <row r="34" spans="1:11" ht="10.5" customHeight="1">
      <c r="A34" s="60"/>
      <c r="B34" s="115" t="s">
        <v>104</v>
      </c>
      <c r="C34" s="49"/>
      <c r="D34" s="130">
        <v>225299</v>
      </c>
      <c r="E34" s="130">
        <v>114686</v>
      </c>
      <c r="F34" s="130">
        <v>110613</v>
      </c>
      <c r="G34" s="130">
        <v>119042</v>
      </c>
      <c r="H34" s="130">
        <v>225318</v>
      </c>
      <c r="I34" s="130">
        <v>114658</v>
      </c>
      <c r="J34" s="130">
        <v>110660</v>
      </c>
      <c r="K34" s="137">
        <v>119068</v>
      </c>
    </row>
    <row r="35" spans="1:11" ht="10.5" customHeight="1">
      <c r="A35" s="60"/>
      <c r="B35" s="115" t="s">
        <v>105</v>
      </c>
      <c r="C35" s="49"/>
      <c r="D35" s="130">
        <v>180753</v>
      </c>
      <c r="E35" s="130">
        <v>87110</v>
      </c>
      <c r="F35" s="130">
        <v>93643</v>
      </c>
      <c r="G35" s="130">
        <v>81794</v>
      </c>
      <c r="H35" s="130">
        <v>180710</v>
      </c>
      <c r="I35" s="130">
        <v>87107</v>
      </c>
      <c r="J35" s="130">
        <v>93603</v>
      </c>
      <c r="K35" s="137">
        <v>81784</v>
      </c>
    </row>
    <row r="36" spans="1:11" ht="10.5" customHeight="1">
      <c r="A36" s="125"/>
      <c r="B36" s="126" t="s">
        <v>106</v>
      </c>
      <c r="C36" s="40"/>
      <c r="D36" s="127">
        <v>725386</v>
      </c>
      <c r="E36" s="127">
        <v>361099</v>
      </c>
      <c r="F36" s="127">
        <v>364287</v>
      </c>
      <c r="G36" s="127">
        <v>344294</v>
      </c>
      <c r="H36" s="127">
        <v>725215</v>
      </c>
      <c r="I36" s="127">
        <v>361045</v>
      </c>
      <c r="J36" s="127">
        <v>364170</v>
      </c>
      <c r="K36" s="136">
        <v>344516</v>
      </c>
    </row>
    <row r="37" spans="1:11" ht="10.5" customHeight="1">
      <c r="A37" s="60"/>
      <c r="B37" s="115" t="s">
        <v>91</v>
      </c>
      <c r="C37" s="49"/>
      <c r="D37" s="130">
        <v>167861</v>
      </c>
      <c r="E37" s="130">
        <v>84306</v>
      </c>
      <c r="F37" s="130">
        <v>83555</v>
      </c>
      <c r="G37" s="130">
        <v>76778</v>
      </c>
      <c r="H37" s="130">
        <v>167770</v>
      </c>
      <c r="I37" s="130">
        <v>84260</v>
      </c>
      <c r="J37" s="130">
        <v>83510</v>
      </c>
      <c r="K37" s="137">
        <v>76815</v>
      </c>
    </row>
    <row r="38" spans="1:11" ht="10.5" customHeight="1">
      <c r="A38" s="60"/>
      <c r="B38" s="115" t="s">
        <v>107</v>
      </c>
      <c r="C38" s="49"/>
      <c r="D38" s="130">
        <v>274536</v>
      </c>
      <c r="E38" s="130">
        <v>137048</v>
      </c>
      <c r="F38" s="130">
        <v>137488</v>
      </c>
      <c r="G38" s="130">
        <v>129606</v>
      </c>
      <c r="H38" s="130">
        <v>274453</v>
      </c>
      <c r="I38" s="130">
        <v>137037</v>
      </c>
      <c r="J38" s="130">
        <v>137416</v>
      </c>
      <c r="K38" s="137">
        <v>129745</v>
      </c>
    </row>
    <row r="39" spans="1:11" ht="10.5" customHeight="1">
      <c r="A39" s="60"/>
      <c r="B39" s="115" t="s">
        <v>84</v>
      </c>
      <c r="C39" s="49"/>
      <c r="D39" s="130">
        <v>282989</v>
      </c>
      <c r="E39" s="130">
        <v>139745</v>
      </c>
      <c r="F39" s="130">
        <v>143244</v>
      </c>
      <c r="G39" s="130">
        <v>137910</v>
      </c>
      <c r="H39" s="130">
        <v>282992</v>
      </c>
      <c r="I39" s="130">
        <v>139748</v>
      </c>
      <c r="J39" s="130">
        <v>143244</v>
      </c>
      <c r="K39" s="137">
        <v>137956</v>
      </c>
    </row>
    <row r="40" spans="1:11" ht="10.5" customHeight="1">
      <c r="A40" s="9"/>
      <c r="B40" s="115" t="s">
        <v>108</v>
      </c>
      <c r="C40" s="49"/>
      <c r="D40" s="130">
        <v>376847</v>
      </c>
      <c r="E40" s="130">
        <v>187658</v>
      </c>
      <c r="F40" s="130">
        <v>189189</v>
      </c>
      <c r="G40" s="130">
        <v>166199</v>
      </c>
      <c r="H40" s="130">
        <v>376425</v>
      </c>
      <c r="I40" s="130">
        <v>187420</v>
      </c>
      <c r="J40" s="130">
        <v>189005</v>
      </c>
      <c r="K40" s="137">
        <v>166133</v>
      </c>
    </row>
    <row r="41" spans="1:11" ht="10.5" customHeight="1">
      <c r="A41" s="9"/>
      <c r="B41" s="115" t="s">
        <v>109</v>
      </c>
      <c r="C41" s="49"/>
      <c r="D41" s="130">
        <v>258109</v>
      </c>
      <c r="E41" s="130">
        <v>128752</v>
      </c>
      <c r="F41" s="130">
        <v>129357</v>
      </c>
      <c r="G41" s="130">
        <v>116211</v>
      </c>
      <c r="H41" s="130">
        <v>258230</v>
      </c>
      <c r="I41" s="130">
        <v>128828</v>
      </c>
      <c r="J41" s="130">
        <v>129402</v>
      </c>
      <c r="K41" s="137">
        <v>116326</v>
      </c>
    </row>
    <row r="42" spans="1:11" ht="10.5" customHeight="1">
      <c r="A42" s="9"/>
      <c r="B42" s="115" t="s">
        <v>110</v>
      </c>
      <c r="C42" s="49"/>
      <c r="D42" s="130">
        <v>171819</v>
      </c>
      <c r="E42" s="130">
        <v>80605</v>
      </c>
      <c r="F42" s="130">
        <v>91214</v>
      </c>
      <c r="G42" s="130">
        <v>77131</v>
      </c>
      <c r="H42" s="130">
        <v>171793</v>
      </c>
      <c r="I42" s="130">
        <v>80581</v>
      </c>
      <c r="J42" s="130">
        <v>91212</v>
      </c>
      <c r="K42" s="137">
        <v>77161</v>
      </c>
    </row>
    <row r="43" spans="1:11" ht="10.5" customHeight="1">
      <c r="A43" s="9"/>
      <c r="B43" s="115" t="s">
        <v>111</v>
      </c>
      <c r="C43" s="49"/>
      <c r="D43" s="130">
        <v>444122</v>
      </c>
      <c r="E43" s="130">
        <v>219036</v>
      </c>
      <c r="F43" s="130">
        <v>225086</v>
      </c>
      <c r="G43" s="130">
        <v>201810</v>
      </c>
      <c r="H43" s="130">
        <v>443981</v>
      </c>
      <c r="I43" s="130">
        <v>218958</v>
      </c>
      <c r="J43" s="130">
        <v>225023</v>
      </c>
      <c r="K43" s="137">
        <v>201820</v>
      </c>
    </row>
    <row r="44" spans="1:11" ht="10.5" customHeight="1">
      <c r="A44" s="9"/>
      <c r="B44" s="115" t="s">
        <v>112</v>
      </c>
      <c r="C44" s="49"/>
      <c r="D44" s="130">
        <v>186626</v>
      </c>
      <c r="E44" s="130">
        <v>90244</v>
      </c>
      <c r="F44" s="130">
        <v>96382</v>
      </c>
      <c r="G44" s="130">
        <v>84336</v>
      </c>
      <c r="H44" s="130">
        <v>186634</v>
      </c>
      <c r="I44" s="130">
        <v>90266</v>
      </c>
      <c r="J44" s="130">
        <v>96368</v>
      </c>
      <c r="K44" s="137">
        <v>84422</v>
      </c>
    </row>
    <row r="45" spans="1:11" ht="10.5" customHeight="1">
      <c r="A45" s="9"/>
      <c r="B45" s="115" t="s">
        <v>113</v>
      </c>
      <c r="C45" s="49"/>
      <c r="D45" s="130">
        <v>245243</v>
      </c>
      <c r="E45" s="130">
        <v>118786</v>
      </c>
      <c r="F45" s="130">
        <v>126457</v>
      </c>
      <c r="G45" s="130">
        <v>106949</v>
      </c>
      <c r="H45" s="130">
        <v>245418</v>
      </c>
      <c r="I45" s="130">
        <v>118885</v>
      </c>
      <c r="J45" s="130">
        <v>126533</v>
      </c>
      <c r="K45" s="137">
        <v>107079</v>
      </c>
    </row>
    <row r="46" spans="1:11" ht="10.5" customHeight="1">
      <c r="A46" s="9"/>
      <c r="B46" s="115" t="s">
        <v>114</v>
      </c>
      <c r="C46" s="49"/>
      <c r="D46" s="130">
        <v>56178</v>
      </c>
      <c r="E46" s="130">
        <v>26204</v>
      </c>
      <c r="F46" s="130">
        <v>29974</v>
      </c>
      <c r="G46" s="130">
        <v>25120</v>
      </c>
      <c r="H46" s="130">
        <v>56138</v>
      </c>
      <c r="I46" s="130">
        <v>26190</v>
      </c>
      <c r="J46" s="130">
        <v>29948</v>
      </c>
      <c r="K46" s="137">
        <v>25126</v>
      </c>
    </row>
    <row r="47" spans="1:11" ht="10.5" customHeight="1">
      <c r="A47" s="9"/>
      <c r="B47" s="115" t="s">
        <v>115</v>
      </c>
      <c r="C47" s="49"/>
      <c r="D47" s="130">
        <v>40442</v>
      </c>
      <c r="E47" s="130">
        <v>19294</v>
      </c>
      <c r="F47" s="130">
        <v>21148</v>
      </c>
      <c r="G47" s="130">
        <v>17173</v>
      </c>
      <c r="H47" s="130">
        <v>40360</v>
      </c>
      <c r="I47" s="130">
        <v>19253</v>
      </c>
      <c r="J47" s="130">
        <v>21107</v>
      </c>
      <c r="K47" s="137">
        <v>17154</v>
      </c>
    </row>
    <row r="48" spans="1:11" ht="10.5" customHeight="1">
      <c r="A48" s="9"/>
      <c r="B48" s="115" t="s">
        <v>116</v>
      </c>
      <c r="C48" s="49"/>
      <c r="D48" s="130">
        <v>161447</v>
      </c>
      <c r="E48" s="130">
        <v>81562</v>
      </c>
      <c r="F48" s="130">
        <v>79885</v>
      </c>
      <c r="G48" s="130">
        <v>72729</v>
      </c>
      <c r="H48" s="130">
        <v>161424</v>
      </c>
      <c r="I48" s="130">
        <v>81534</v>
      </c>
      <c r="J48" s="130">
        <v>79890</v>
      </c>
      <c r="K48" s="137">
        <v>72798</v>
      </c>
    </row>
    <row r="49" spans="1:11" ht="10.5" customHeight="1">
      <c r="A49" s="9"/>
      <c r="B49" s="115" t="s">
        <v>117</v>
      </c>
      <c r="C49" s="49"/>
      <c r="D49" s="130">
        <v>224187</v>
      </c>
      <c r="E49" s="130">
        <v>115499</v>
      </c>
      <c r="F49" s="130">
        <v>108688</v>
      </c>
      <c r="G49" s="130">
        <v>104728</v>
      </c>
      <c r="H49" s="130">
        <v>224141</v>
      </c>
      <c r="I49" s="130">
        <v>115486</v>
      </c>
      <c r="J49" s="130">
        <v>108655</v>
      </c>
      <c r="K49" s="137">
        <v>104807</v>
      </c>
    </row>
    <row r="50" spans="1:11" ht="10.5" customHeight="1">
      <c r="A50" s="9"/>
      <c r="B50" s="115" t="s">
        <v>118</v>
      </c>
      <c r="C50" s="49"/>
      <c r="D50" s="130">
        <v>243277</v>
      </c>
      <c r="E50" s="130">
        <v>121261</v>
      </c>
      <c r="F50" s="130">
        <v>122016</v>
      </c>
      <c r="G50" s="130">
        <v>115145</v>
      </c>
      <c r="H50" s="130">
        <v>243270</v>
      </c>
      <c r="I50" s="130">
        <v>121224</v>
      </c>
      <c r="J50" s="130">
        <v>122046</v>
      </c>
      <c r="K50" s="137">
        <v>115150</v>
      </c>
    </row>
    <row r="51" spans="1:11" ht="10.5" customHeight="1">
      <c r="A51" s="9"/>
      <c r="B51" s="115" t="s">
        <v>119</v>
      </c>
      <c r="C51" s="49"/>
      <c r="D51" s="130">
        <v>101525</v>
      </c>
      <c r="E51" s="130">
        <v>51364</v>
      </c>
      <c r="F51" s="130">
        <v>50161</v>
      </c>
      <c r="G51" s="130">
        <v>46975</v>
      </c>
      <c r="H51" s="130">
        <v>101503</v>
      </c>
      <c r="I51" s="130">
        <v>51351</v>
      </c>
      <c r="J51" s="130">
        <v>50152</v>
      </c>
      <c r="K51" s="137">
        <v>46997</v>
      </c>
    </row>
    <row r="52" spans="1:11" ht="10.5" customHeight="1">
      <c r="A52" s="9"/>
      <c r="B52" s="115" t="s">
        <v>120</v>
      </c>
      <c r="C52" s="49"/>
      <c r="D52" s="130">
        <v>139837</v>
      </c>
      <c r="E52" s="130">
        <v>70242</v>
      </c>
      <c r="F52" s="130">
        <v>69595</v>
      </c>
      <c r="G52" s="130">
        <v>61628</v>
      </c>
      <c r="H52" s="130">
        <v>140040</v>
      </c>
      <c r="I52" s="130">
        <v>70340</v>
      </c>
      <c r="J52" s="130">
        <v>69700</v>
      </c>
      <c r="K52" s="137">
        <v>61737</v>
      </c>
    </row>
    <row r="53" spans="1:11" ht="10.5" customHeight="1">
      <c r="A53" s="9"/>
      <c r="B53" s="115" t="s">
        <v>121</v>
      </c>
      <c r="C53" s="49"/>
      <c r="D53" s="130">
        <v>132143</v>
      </c>
      <c r="E53" s="130">
        <v>65641</v>
      </c>
      <c r="F53" s="130">
        <v>66502</v>
      </c>
      <c r="G53" s="130">
        <v>61949</v>
      </c>
      <c r="H53" s="130">
        <v>132083</v>
      </c>
      <c r="I53" s="130">
        <v>65632</v>
      </c>
      <c r="J53" s="130">
        <v>66451</v>
      </c>
      <c r="K53" s="137">
        <v>61978</v>
      </c>
    </row>
    <row r="54" spans="1:11" ht="10.5" customHeight="1">
      <c r="A54" s="9"/>
      <c r="B54" s="115" t="s">
        <v>122</v>
      </c>
      <c r="C54" s="49"/>
      <c r="D54" s="130">
        <v>39873</v>
      </c>
      <c r="E54" s="130">
        <v>19467</v>
      </c>
      <c r="F54" s="130">
        <v>20406</v>
      </c>
      <c r="G54" s="130">
        <v>16637</v>
      </c>
      <c r="H54" s="130">
        <v>39856</v>
      </c>
      <c r="I54" s="130">
        <v>19464</v>
      </c>
      <c r="J54" s="130">
        <v>20392</v>
      </c>
      <c r="K54" s="137">
        <v>16637</v>
      </c>
    </row>
    <row r="55" spans="1:11" ht="10.5" customHeight="1">
      <c r="A55" s="9"/>
      <c r="B55" s="115" t="s">
        <v>123</v>
      </c>
      <c r="C55" s="49"/>
      <c r="D55" s="130">
        <v>83004</v>
      </c>
      <c r="E55" s="130">
        <v>41896</v>
      </c>
      <c r="F55" s="130">
        <v>41108</v>
      </c>
      <c r="G55" s="130">
        <v>35481</v>
      </c>
      <c r="H55" s="130">
        <v>82984</v>
      </c>
      <c r="I55" s="130">
        <v>41901</v>
      </c>
      <c r="J55" s="130">
        <v>41083</v>
      </c>
      <c r="K55" s="137">
        <v>35511</v>
      </c>
    </row>
    <row r="56" spans="1:11" ht="10.5" customHeight="1">
      <c r="A56" s="9"/>
      <c r="B56" s="115" t="s">
        <v>124</v>
      </c>
      <c r="C56" s="49"/>
      <c r="D56" s="130">
        <v>31191</v>
      </c>
      <c r="E56" s="130">
        <v>14643</v>
      </c>
      <c r="F56" s="130">
        <v>16548</v>
      </c>
      <c r="G56" s="130">
        <v>13092</v>
      </c>
      <c r="H56" s="130">
        <v>31193</v>
      </c>
      <c r="I56" s="130">
        <v>14644</v>
      </c>
      <c r="J56" s="130">
        <v>16549</v>
      </c>
      <c r="K56" s="137">
        <v>13099</v>
      </c>
    </row>
    <row r="57" spans="1:11" ht="10.5" customHeight="1">
      <c r="A57" s="9"/>
      <c r="B57" s="115" t="s">
        <v>125</v>
      </c>
      <c r="C57" s="49"/>
      <c r="D57" s="130">
        <v>48635</v>
      </c>
      <c r="E57" s="130">
        <v>24677</v>
      </c>
      <c r="F57" s="130">
        <v>23958</v>
      </c>
      <c r="G57" s="130">
        <v>20670</v>
      </c>
      <c r="H57" s="130">
        <v>48624</v>
      </c>
      <c r="I57" s="130">
        <v>24670</v>
      </c>
      <c r="J57" s="130">
        <v>23954</v>
      </c>
      <c r="K57" s="137">
        <v>20656</v>
      </c>
    </row>
    <row r="58" spans="1:11" ht="10.5" customHeight="1">
      <c r="A58" s="125"/>
      <c r="B58" s="126" t="s">
        <v>126</v>
      </c>
      <c r="C58" s="40"/>
      <c r="D58" s="127">
        <v>58216</v>
      </c>
      <c r="E58" s="127">
        <v>28154</v>
      </c>
      <c r="F58" s="127">
        <v>30062</v>
      </c>
      <c r="G58" s="127">
        <v>24699</v>
      </c>
      <c r="H58" s="127">
        <v>58180</v>
      </c>
      <c r="I58" s="127">
        <v>28122</v>
      </c>
      <c r="J58" s="127">
        <v>30058</v>
      </c>
      <c r="K58" s="136">
        <v>24721</v>
      </c>
    </row>
    <row r="59" spans="1:11" ht="10.5" customHeight="1">
      <c r="A59" s="60"/>
      <c r="B59" s="115" t="s">
        <v>127</v>
      </c>
      <c r="C59" s="49"/>
      <c r="D59" s="130">
        <v>31185</v>
      </c>
      <c r="E59" s="130">
        <v>15177</v>
      </c>
      <c r="F59" s="130">
        <v>16008</v>
      </c>
      <c r="G59" s="130">
        <v>12950</v>
      </c>
      <c r="H59" s="130">
        <v>31179</v>
      </c>
      <c r="I59" s="130">
        <v>15170</v>
      </c>
      <c r="J59" s="130">
        <v>16009</v>
      </c>
      <c r="K59" s="137">
        <v>12965</v>
      </c>
    </row>
    <row r="60" spans="1:11" ht="10.5" customHeight="1">
      <c r="A60" s="60"/>
      <c r="B60" s="115" t="s">
        <v>128</v>
      </c>
      <c r="C60" s="49"/>
      <c r="D60" s="130">
        <v>27031</v>
      </c>
      <c r="E60" s="130">
        <v>12977</v>
      </c>
      <c r="F60" s="130">
        <v>14054</v>
      </c>
      <c r="G60" s="130">
        <v>11749</v>
      </c>
      <c r="H60" s="130">
        <v>27001</v>
      </c>
      <c r="I60" s="130">
        <v>12952</v>
      </c>
      <c r="J60" s="130">
        <v>14049</v>
      </c>
      <c r="K60" s="137">
        <v>11756</v>
      </c>
    </row>
    <row r="61" spans="1:11" ht="10.5" customHeight="1">
      <c r="A61" s="125"/>
      <c r="B61" s="126" t="s">
        <v>129</v>
      </c>
      <c r="C61" s="40"/>
      <c r="D61" s="127">
        <v>64720</v>
      </c>
      <c r="E61" s="127">
        <v>31829</v>
      </c>
      <c r="F61" s="127">
        <v>32891</v>
      </c>
      <c r="G61" s="127">
        <v>26310</v>
      </c>
      <c r="H61" s="127">
        <v>64700</v>
      </c>
      <c r="I61" s="127">
        <v>31838</v>
      </c>
      <c r="J61" s="127">
        <v>32862</v>
      </c>
      <c r="K61" s="136">
        <v>26296</v>
      </c>
    </row>
    <row r="62" spans="1:11" ht="10.5" customHeight="1">
      <c r="A62" s="60"/>
      <c r="B62" s="115" t="s">
        <v>130</v>
      </c>
      <c r="C62" s="49"/>
      <c r="D62" s="130">
        <v>8971</v>
      </c>
      <c r="E62" s="130">
        <v>4472</v>
      </c>
      <c r="F62" s="130">
        <v>4499</v>
      </c>
      <c r="G62" s="130">
        <v>3435</v>
      </c>
      <c r="H62" s="130">
        <v>8973</v>
      </c>
      <c r="I62" s="130">
        <v>4478</v>
      </c>
      <c r="J62" s="130">
        <v>4495</v>
      </c>
      <c r="K62" s="137">
        <v>3448</v>
      </c>
    </row>
    <row r="63" spans="1:11" ht="10.5" customHeight="1">
      <c r="A63" s="60"/>
      <c r="B63" s="115" t="s">
        <v>131</v>
      </c>
      <c r="C63" s="49"/>
      <c r="D63" s="130">
        <v>17278</v>
      </c>
      <c r="E63" s="130">
        <v>8475</v>
      </c>
      <c r="F63" s="130">
        <v>8803</v>
      </c>
      <c r="G63" s="130">
        <v>7050</v>
      </c>
      <c r="H63" s="130">
        <v>17280</v>
      </c>
      <c r="I63" s="130">
        <v>8481</v>
      </c>
      <c r="J63" s="130">
        <v>8799</v>
      </c>
      <c r="K63" s="137">
        <v>7053</v>
      </c>
    </row>
    <row r="64" spans="1:11" ht="10.5" customHeight="1">
      <c r="A64" s="60"/>
      <c r="B64" s="115" t="s">
        <v>132</v>
      </c>
      <c r="C64" s="49"/>
      <c r="D64" s="130">
        <v>10395</v>
      </c>
      <c r="E64" s="130">
        <v>5153</v>
      </c>
      <c r="F64" s="130">
        <v>5242</v>
      </c>
      <c r="G64" s="130">
        <v>4541</v>
      </c>
      <c r="H64" s="130">
        <v>10362</v>
      </c>
      <c r="I64" s="130">
        <v>5148</v>
      </c>
      <c r="J64" s="130">
        <v>5214</v>
      </c>
      <c r="K64" s="137">
        <v>4505</v>
      </c>
    </row>
    <row r="65" spans="1:11" ht="10.5" customHeight="1">
      <c r="A65" s="60"/>
      <c r="B65" s="115" t="s">
        <v>133</v>
      </c>
      <c r="C65" s="49"/>
      <c r="D65" s="130">
        <v>9276</v>
      </c>
      <c r="E65" s="130">
        <v>4604</v>
      </c>
      <c r="F65" s="130">
        <v>4672</v>
      </c>
      <c r="G65" s="130">
        <v>3927</v>
      </c>
      <c r="H65" s="130">
        <v>9261</v>
      </c>
      <c r="I65" s="130">
        <v>4596</v>
      </c>
      <c r="J65" s="130">
        <v>4665</v>
      </c>
      <c r="K65" s="137">
        <v>3922</v>
      </c>
    </row>
    <row r="66" spans="1:11" ht="10.5" customHeight="1">
      <c r="A66" s="60"/>
      <c r="B66" s="115" t="s">
        <v>134</v>
      </c>
      <c r="C66" s="49"/>
      <c r="D66" s="130">
        <v>18800</v>
      </c>
      <c r="E66" s="130">
        <v>9125</v>
      </c>
      <c r="F66" s="130">
        <v>9675</v>
      </c>
      <c r="G66" s="130">
        <v>7357</v>
      </c>
      <c r="H66" s="130">
        <v>18824</v>
      </c>
      <c r="I66" s="130">
        <v>9135</v>
      </c>
      <c r="J66" s="130">
        <v>9689</v>
      </c>
      <c r="K66" s="137">
        <v>7368</v>
      </c>
    </row>
    <row r="67" spans="1:11" ht="10.5" customHeight="1">
      <c r="A67" s="125"/>
      <c r="B67" s="126" t="s">
        <v>135</v>
      </c>
      <c r="C67" s="40"/>
      <c r="D67" s="127">
        <v>39928</v>
      </c>
      <c r="E67" s="127">
        <v>18672</v>
      </c>
      <c r="F67" s="127">
        <v>21256</v>
      </c>
      <c r="G67" s="127">
        <v>20151</v>
      </c>
      <c r="H67" s="127">
        <v>39923</v>
      </c>
      <c r="I67" s="127">
        <v>18688</v>
      </c>
      <c r="J67" s="127">
        <v>21235</v>
      </c>
      <c r="K67" s="136">
        <v>20171</v>
      </c>
    </row>
    <row r="68" spans="1:11" ht="10.5" customHeight="1">
      <c r="A68" s="60"/>
      <c r="B68" s="115" t="s">
        <v>136</v>
      </c>
      <c r="C68" s="49"/>
      <c r="D68" s="130">
        <v>11008</v>
      </c>
      <c r="E68" s="130">
        <v>5273</v>
      </c>
      <c r="F68" s="130">
        <v>5735</v>
      </c>
      <c r="G68" s="130">
        <v>6464</v>
      </c>
      <c r="H68" s="130">
        <v>10990</v>
      </c>
      <c r="I68" s="130">
        <v>5277</v>
      </c>
      <c r="J68" s="130">
        <v>5713</v>
      </c>
      <c r="K68" s="137">
        <v>6457</v>
      </c>
    </row>
    <row r="69" spans="1:11" ht="10.5" customHeight="1">
      <c r="A69" s="60"/>
      <c r="B69" s="115" t="s">
        <v>137</v>
      </c>
      <c r="C69" s="49"/>
      <c r="D69" s="130">
        <v>6347</v>
      </c>
      <c r="E69" s="130">
        <v>2944</v>
      </c>
      <c r="F69" s="130">
        <v>3403</v>
      </c>
      <c r="G69" s="130">
        <v>2907</v>
      </c>
      <c r="H69" s="130">
        <v>6367</v>
      </c>
      <c r="I69" s="130">
        <v>2953</v>
      </c>
      <c r="J69" s="130">
        <v>3414</v>
      </c>
      <c r="K69" s="137">
        <v>2917</v>
      </c>
    </row>
    <row r="70" spans="1:11" ht="10.5" customHeight="1">
      <c r="A70" s="60"/>
      <c r="B70" s="115" t="s">
        <v>138</v>
      </c>
      <c r="C70" s="49"/>
      <c r="D70" s="130">
        <v>22573</v>
      </c>
      <c r="E70" s="130">
        <v>10455</v>
      </c>
      <c r="F70" s="130">
        <v>12118</v>
      </c>
      <c r="G70" s="130">
        <v>10780</v>
      </c>
      <c r="H70" s="130">
        <v>22566</v>
      </c>
      <c r="I70" s="130">
        <v>10458</v>
      </c>
      <c r="J70" s="130">
        <v>12108</v>
      </c>
      <c r="K70" s="137">
        <v>10797</v>
      </c>
    </row>
    <row r="71" spans="1:11" ht="10.5" customHeight="1">
      <c r="A71" s="125"/>
      <c r="B71" s="126" t="s">
        <v>139</v>
      </c>
      <c r="C71" s="40"/>
      <c r="D71" s="127">
        <v>42295</v>
      </c>
      <c r="E71" s="127">
        <v>22089</v>
      </c>
      <c r="F71" s="127">
        <v>20206</v>
      </c>
      <c r="G71" s="127">
        <v>18732</v>
      </c>
      <c r="H71" s="127">
        <v>42295</v>
      </c>
      <c r="I71" s="127">
        <v>22085</v>
      </c>
      <c r="J71" s="127">
        <v>20210</v>
      </c>
      <c r="K71" s="136">
        <v>18760</v>
      </c>
    </row>
    <row r="72" spans="1:11" ht="10.5" customHeight="1">
      <c r="A72" s="60"/>
      <c r="B72" s="115" t="s">
        <v>140</v>
      </c>
      <c r="C72" s="49"/>
      <c r="D72" s="130">
        <v>39376</v>
      </c>
      <c r="E72" s="130">
        <v>20594</v>
      </c>
      <c r="F72" s="130">
        <v>18782</v>
      </c>
      <c r="G72" s="130">
        <v>17605</v>
      </c>
      <c r="H72" s="130">
        <v>39372</v>
      </c>
      <c r="I72" s="130">
        <v>20588</v>
      </c>
      <c r="J72" s="130">
        <v>18784</v>
      </c>
      <c r="K72" s="137">
        <v>17632</v>
      </c>
    </row>
    <row r="73" spans="1:11" ht="10.5" customHeight="1" thickBot="1">
      <c r="A73" s="133"/>
      <c r="B73" s="138" t="s">
        <v>141</v>
      </c>
      <c r="C73" s="139"/>
      <c r="D73" s="140">
        <v>2919</v>
      </c>
      <c r="E73" s="140">
        <v>1495</v>
      </c>
      <c r="F73" s="140">
        <v>1424</v>
      </c>
      <c r="G73" s="140">
        <v>1127</v>
      </c>
      <c r="H73" s="140">
        <v>2923</v>
      </c>
      <c r="I73" s="140">
        <v>1497</v>
      </c>
      <c r="J73" s="140">
        <v>1426</v>
      </c>
      <c r="K73" s="141">
        <v>1128</v>
      </c>
    </row>
    <row r="74" spans="1:11" ht="9.75" customHeight="1"/>
  </sheetData>
  <mergeCells count="6"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  <headerFooter>
    <oddFooter>&amp;C&amp;"HGPｺﾞｼｯｸM,ﾒﾃﾞｨｳﾑ"&amp;9- 23 -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/>
  <dimension ref="A1:V74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2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18.75" customHeight="1">
      <c r="A1" s="206" t="s">
        <v>157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22" ht="15" customHeight="1" thickBot="1">
      <c r="A2" s="207" t="s">
        <v>149</v>
      </c>
      <c r="B2" s="207"/>
      <c r="C2" s="207"/>
      <c r="I2" s="242"/>
      <c r="J2" s="242"/>
      <c r="K2" s="242"/>
    </row>
    <row r="3" spans="1:22" ht="15" customHeight="1">
      <c r="A3" s="208" t="s">
        <v>72</v>
      </c>
      <c r="B3" s="209"/>
      <c r="C3" s="209"/>
      <c r="D3" s="220" t="s">
        <v>218</v>
      </c>
      <c r="E3" s="209"/>
      <c r="F3" s="209"/>
      <c r="G3" s="250"/>
      <c r="H3" s="220" t="s">
        <v>219</v>
      </c>
      <c r="I3" s="209"/>
      <c r="J3" s="209"/>
      <c r="K3" s="251"/>
    </row>
    <row r="4" spans="1:22" ht="15" customHeight="1">
      <c r="A4" s="212"/>
      <c r="B4" s="213"/>
      <c r="C4" s="213"/>
      <c r="D4" s="7" t="s">
        <v>150</v>
      </c>
      <c r="E4" s="7" t="s">
        <v>151</v>
      </c>
      <c r="F4" s="7" t="s">
        <v>152</v>
      </c>
      <c r="G4" s="7" t="s">
        <v>5</v>
      </c>
      <c r="H4" s="7" t="s">
        <v>153</v>
      </c>
      <c r="I4" s="7" t="s">
        <v>151</v>
      </c>
      <c r="J4" s="7" t="s">
        <v>152</v>
      </c>
      <c r="K4" s="65" t="s">
        <v>5</v>
      </c>
    </row>
    <row r="5" spans="1:22" ht="10.5" customHeight="1">
      <c r="A5" s="9"/>
      <c r="B5" s="115"/>
      <c r="C5" s="49"/>
      <c r="D5" s="12" t="s">
        <v>10</v>
      </c>
      <c r="E5" s="12" t="s">
        <v>10</v>
      </c>
      <c r="F5" s="12" t="s">
        <v>10</v>
      </c>
      <c r="G5" s="12" t="s">
        <v>12</v>
      </c>
      <c r="H5" s="12" t="s">
        <v>10</v>
      </c>
      <c r="I5" s="12" t="s">
        <v>10</v>
      </c>
      <c r="J5" s="12" t="s">
        <v>10</v>
      </c>
      <c r="K5" s="14" t="s">
        <v>12</v>
      </c>
    </row>
    <row r="6" spans="1:22" ht="10.5" customHeight="1">
      <c r="A6" s="116"/>
      <c r="B6" s="117" t="s">
        <v>76</v>
      </c>
      <c r="C6" s="17"/>
      <c r="D6" s="18">
        <v>9231427</v>
      </c>
      <c r="E6" s="18">
        <v>4575703</v>
      </c>
      <c r="F6" s="18">
        <v>4655724</v>
      </c>
      <c r="G6" s="18">
        <v>4350726</v>
      </c>
      <c r="H6" s="18">
        <v>9229713</v>
      </c>
      <c r="I6" s="18">
        <v>4574246</v>
      </c>
      <c r="J6" s="18">
        <v>4655467</v>
      </c>
      <c r="K6" s="134">
        <v>4352343</v>
      </c>
    </row>
    <row r="7" spans="1:22" s="30" customFormat="1" ht="10.5" customHeight="1">
      <c r="A7" s="120"/>
      <c r="B7" s="121" t="s">
        <v>77</v>
      </c>
      <c r="C7" s="33"/>
      <c r="D7" s="122">
        <v>8946655</v>
      </c>
      <c r="E7" s="122">
        <v>4435741</v>
      </c>
      <c r="F7" s="122">
        <v>4510914</v>
      </c>
      <c r="G7" s="122">
        <v>4226995</v>
      </c>
      <c r="H7" s="122">
        <v>8945152</v>
      </c>
      <c r="I7" s="122">
        <v>4434432</v>
      </c>
      <c r="J7" s="122">
        <v>4510720</v>
      </c>
      <c r="K7" s="135">
        <v>4228632</v>
      </c>
      <c r="S7" s="31"/>
      <c r="T7" s="31"/>
      <c r="U7" s="31"/>
      <c r="V7" s="31"/>
    </row>
    <row r="8" spans="1:22" s="30" customFormat="1" ht="10.5" customHeight="1">
      <c r="A8" s="120"/>
      <c r="B8" s="121" t="s">
        <v>78</v>
      </c>
      <c r="C8" s="33"/>
      <c r="D8" s="122">
        <v>284772</v>
      </c>
      <c r="E8" s="122">
        <v>139962</v>
      </c>
      <c r="F8" s="122">
        <v>144810</v>
      </c>
      <c r="G8" s="122">
        <v>123731</v>
      </c>
      <c r="H8" s="122">
        <v>284561</v>
      </c>
      <c r="I8" s="122">
        <v>139814</v>
      </c>
      <c r="J8" s="122">
        <v>144747</v>
      </c>
      <c r="K8" s="135">
        <v>123711</v>
      </c>
      <c r="S8" s="31"/>
      <c r="T8" s="31"/>
      <c r="U8" s="31"/>
      <c r="V8" s="31"/>
    </row>
    <row r="9" spans="1:22" ht="10.5" customHeight="1">
      <c r="A9" s="125"/>
      <c r="B9" s="126" t="s">
        <v>79</v>
      </c>
      <c r="C9" s="40"/>
      <c r="D9" s="127">
        <v>3772440</v>
      </c>
      <c r="E9" s="127">
        <v>1859971</v>
      </c>
      <c r="F9" s="127">
        <v>1912469</v>
      </c>
      <c r="G9" s="127">
        <v>1798741</v>
      </c>
      <c r="H9" s="127">
        <v>3771766</v>
      </c>
      <c r="I9" s="127">
        <v>1859345</v>
      </c>
      <c r="J9" s="127">
        <v>1912421</v>
      </c>
      <c r="K9" s="136">
        <v>1799480</v>
      </c>
    </row>
    <row r="10" spans="1:22" ht="10.5" customHeight="1">
      <c r="A10" s="60"/>
      <c r="B10" s="115" t="s">
        <v>80</v>
      </c>
      <c r="C10" s="49"/>
      <c r="D10" s="130">
        <v>295854</v>
      </c>
      <c r="E10" s="130">
        <v>152720</v>
      </c>
      <c r="F10" s="130">
        <v>143134</v>
      </c>
      <c r="G10" s="130">
        <v>148410</v>
      </c>
      <c r="H10" s="130">
        <v>295863</v>
      </c>
      <c r="I10" s="130">
        <v>152703</v>
      </c>
      <c r="J10" s="130">
        <v>143160</v>
      </c>
      <c r="K10" s="137">
        <v>148526</v>
      </c>
    </row>
    <row r="11" spans="1:22" ht="10.5" customHeight="1">
      <c r="A11" s="60"/>
      <c r="B11" s="115" t="s">
        <v>81</v>
      </c>
      <c r="C11" s="49"/>
      <c r="D11" s="130">
        <v>249599</v>
      </c>
      <c r="E11" s="130">
        <v>126999</v>
      </c>
      <c r="F11" s="130">
        <v>122600</v>
      </c>
      <c r="G11" s="130">
        <v>133565</v>
      </c>
      <c r="H11" s="130">
        <v>249773</v>
      </c>
      <c r="I11" s="130">
        <v>127038</v>
      </c>
      <c r="J11" s="130">
        <v>122735</v>
      </c>
      <c r="K11" s="137">
        <v>133749</v>
      </c>
    </row>
    <row r="12" spans="1:22" ht="10.5" customHeight="1">
      <c r="A12" s="60"/>
      <c r="B12" s="115" t="s">
        <v>82</v>
      </c>
      <c r="C12" s="49"/>
      <c r="D12" s="130">
        <v>106338</v>
      </c>
      <c r="E12" s="130">
        <v>53791</v>
      </c>
      <c r="F12" s="130">
        <v>52547</v>
      </c>
      <c r="G12" s="130">
        <v>59165</v>
      </c>
      <c r="H12" s="130">
        <v>106417</v>
      </c>
      <c r="I12" s="130">
        <v>53846</v>
      </c>
      <c r="J12" s="130">
        <v>52571</v>
      </c>
      <c r="K12" s="137">
        <v>59228</v>
      </c>
    </row>
    <row r="13" spans="1:22" ht="10.5" customHeight="1">
      <c r="A13" s="60"/>
      <c r="B13" s="115" t="s">
        <v>83</v>
      </c>
      <c r="C13" s="49"/>
      <c r="D13" s="130">
        <v>151856</v>
      </c>
      <c r="E13" s="130">
        <v>76989</v>
      </c>
      <c r="F13" s="130">
        <v>74867</v>
      </c>
      <c r="G13" s="130">
        <v>87411</v>
      </c>
      <c r="H13" s="130">
        <v>151931</v>
      </c>
      <c r="I13" s="130">
        <v>77046</v>
      </c>
      <c r="J13" s="130">
        <v>74885</v>
      </c>
      <c r="K13" s="137">
        <v>87497</v>
      </c>
    </row>
    <row r="14" spans="1:22" ht="10.5" customHeight="1">
      <c r="A14" s="60"/>
      <c r="B14" s="115" t="s">
        <v>84</v>
      </c>
      <c r="C14" s="49"/>
      <c r="D14" s="130">
        <v>199059</v>
      </c>
      <c r="E14" s="130">
        <v>99277</v>
      </c>
      <c r="F14" s="130">
        <v>99782</v>
      </c>
      <c r="G14" s="130">
        <v>107904</v>
      </c>
      <c r="H14" s="130">
        <v>198934</v>
      </c>
      <c r="I14" s="130">
        <v>99243</v>
      </c>
      <c r="J14" s="130">
        <v>99691</v>
      </c>
      <c r="K14" s="137">
        <v>107869</v>
      </c>
    </row>
    <row r="15" spans="1:22" ht="10.5" customHeight="1">
      <c r="A15" s="60"/>
      <c r="B15" s="115" t="s">
        <v>85</v>
      </c>
      <c r="C15" s="49"/>
      <c r="D15" s="130">
        <v>213931</v>
      </c>
      <c r="E15" s="130">
        <v>103948</v>
      </c>
      <c r="F15" s="130">
        <v>109983</v>
      </c>
      <c r="G15" s="130">
        <v>97514</v>
      </c>
      <c r="H15" s="130">
        <v>213805</v>
      </c>
      <c r="I15" s="130">
        <v>103849</v>
      </c>
      <c r="J15" s="130">
        <v>109956</v>
      </c>
      <c r="K15" s="137">
        <v>97504</v>
      </c>
    </row>
    <row r="16" spans="1:22" ht="10.5" customHeight="1">
      <c r="A16" s="60"/>
      <c r="B16" s="115" t="s">
        <v>86</v>
      </c>
      <c r="C16" s="49"/>
      <c r="D16" s="130">
        <v>205878</v>
      </c>
      <c r="E16" s="130">
        <v>100893</v>
      </c>
      <c r="F16" s="130">
        <v>104985</v>
      </c>
      <c r="G16" s="130">
        <v>100928</v>
      </c>
      <c r="H16" s="130">
        <v>205790</v>
      </c>
      <c r="I16" s="130">
        <v>100833</v>
      </c>
      <c r="J16" s="130">
        <v>104957</v>
      </c>
      <c r="K16" s="137">
        <v>100982</v>
      </c>
    </row>
    <row r="17" spans="1:11" ht="10.5" customHeight="1">
      <c r="A17" s="60"/>
      <c r="B17" s="115" t="s">
        <v>87</v>
      </c>
      <c r="C17" s="49"/>
      <c r="D17" s="130">
        <v>241843</v>
      </c>
      <c r="E17" s="130">
        <v>116308</v>
      </c>
      <c r="F17" s="130">
        <v>125535</v>
      </c>
      <c r="G17" s="130">
        <v>108376</v>
      </c>
      <c r="H17" s="130">
        <v>241767</v>
      </c>
      <c r="I17" s="130">
        <v>116239</v>
      </c>
      <c r="J17" s="130">
        <v>125528</v>
      </c>
      <c r="K17" s="137">
        <v>108396</v>
      </c>
    </row>
    <row r="18" spans="1:11" ht="10.5" customHeight="1">
      <c r="A18" s="60"/>
      <c r="B18" s="115" t="s">
        <v>88</v>
      </c>
      <c r="C18" s="49"/>
      <c r="D18" s="130">
        <v>165284</v>
      </c>
      <c r="E18" s="130">
        <v>81236</v>
      </c>
      <c r="F18" s="130">
        <v>84048</v>
      </c>
      <c r="G18" s="130">
        <v>79957</v>
      </c>
      <c r="H18" s="130">
        <v>165196</v>
      </c>
      <c r="I18" s="130">
        <v>81199</v>
      </c>
      <c r="J18" s="130">
        <v>83997</v>
      </c>
      <c r="K18" s="137">
        <v>79912</v>
      </c>
    </row>
    <row r="19" spans="1:11" ht="10.5" customHeight="1">
      <c r="A19" s="60"/>
      <c r="B19" s="115" t="s">
        <v>89</v>
      </c>
      <c r="C19" s="49"/>
      <c r="D19" s="130">
        <v>195374</v>
      </c>
      <c r="E19" s="130">
        <v>94707</v>
      </c>
      <c r="F19" s="130">
        <v>100667</v>
      </c>
      <c r="G19" s="130">
        <v>91003</v>
      </c>
      <c r="H19" s="130">
        <v>195201</v>
      </c>
      <c r="I19" s="130">
        <v>94607</v>
      </c>
      <c r="J19" s="130">
        <v>100594</v>
      </c>
      <c r="K19" s="137">
        <v>90936</v>
      </c>
    </row>
    <row r="20" spans="1:11" ht="10.5" customHeight="1">
      <c r="A20" s="60"/>
      <c r="B20" s="115" t="s">
        <v>90</v>
      </c>
      <c r="C20" s="49"/>
      <c r="D20" s="130">
        <v>362893</v>
      </c>
      <c r="E20" s="130">
        <v>180787</v>
      </c>
      <c r="F20" s="130">
        <v>182106</v>
      </c>
      <c r="G20" s="130">
        <v>180884</v>
      </c>
      <c r="H20" s="130">
        <v>363097</v>
      </c>
      <c r="I20" s="130">
        <v>180834</v>
      </c>
      <c r="J20" s="130">
        <v>182263</v>
      </c>
      <c r="K20" s="137">
        <v>181173</v>
      </c>
    </row>
    <row r="21" spans="1:11" ht="10.5" customHeight="1">
      <c r="A21" s="60"/>
      <c r="B21" s="115" t="s">
        <v>91</v>
      </c>
      <c r="C21" s="49"/>
      <c r="D21" s="130">
        <v>183069</v>
      </c>
      <c r="E21" s="130">
        <v>89841</v>
      </c>
      <c r="F21" s="130">
        <v>93228</v>
      </c>
      <c r="G21" s="130">
        <v>81684</v>
      </c>
      <c r="H21" s="130">
        <v>182981</v>
      </c>
      <c r="I21" s="130">
        <v>89825</v>
      </c>
      <c r="J21" s="130">
        <v>93156</v>
      </c>
      <c r="K21" s="137">
        <v>81666</v>
      </c>
    </row>
    <row r="22" spans="1:11" ht="10.5" customHeight="1">
      <c r="A22" s="60"/>
      <c r="B22" s="115" t="s">
        <v>92</v>
      </c>
      <c r="C22" s="49"/>
      <c r="D22" s="130">
        <v>309509</v>
      </c>
      <c r="E22" s="130">
        <v>149106</v>
      </c>
      <c r="F22" s="130">
        <v>160403</v>
      </c>
      <c r="G22" s="130">
        <v>135818</v>
      </c>
      <c r="H22" s="130">
        <v>309399</v>
      </c>
      <c r="I22" s="130">
        <v>149023</v>
      </c>
      <c r="J22" s="130">
        <v>160376</v>
      </c>
      <c r="K22" s="137">
        <v>135860</v>
      </c>
    </row>
    <row r="23" spans="1:11" ht="10.5" customHeight="1">
      <c r="A23" s="60"/>
      <c r="B23" s="115" t="s">
        <v>93</v>
      </c>
      <c r="C23" s="49"/>
      <c r="D23" s="130">
        <v>215369</v>
      </c>
      <c r="E23" s="130">
        <v>105291</v>
      </c>
      <c r="F23" s="130">
        <v>110078</v>
      </c>
      <c r="G23" s="130">
        <v>88250</v>
      </c>
      <c r="H23" s="130">
        <v>215267</v>
      </c>
      <c r="I23" s="130">
        <v>105225</v>
      </c>
      <c r="J23" s="130">
        <v>110042</v>
      </c>
      <c r="K23" s="137">
        <v>88252</v>
      </c>
    </row>
    <row r="24" spans="1:11" ht="10.5" customHeight="1">
      <c r="A24" s="60"/>
      <c r="B24" s="115" t="s">
        <v>94</v>
      </c>
      <c r="C24" s="49"/>
      <c r="D24" s="130">
        <v>283186</v>
      </c>
      <c r="E24" s="130">
        <v>137869</v>
      </c>
      <c r="F24" s="130">
        <v>145317</v>
      </c>
      <c r="G24" s="130">
        <v>125244</v>
      </c>
      <c r="H24" s="130">
        <v>283190</v>
      </c>
      <c r="I24" s="130">
        <v>137823</v>
      </c>
      <c r="J24" s="130">
        <v>145367</v>
      </c>
      <c r="K24" s="137">
        <v>125372</v>
      </c>
    </row>
    <row r="25" spans="1:11" ht="10.5" customHeight="1">
      <c r="A25" s="60"/>
      <c r="B25" s="115" t="s">
        <v>95</v>
      </c>
      <c r="C25" s="49"/>
      <c r="D25" s="130">
        <v>120992</v>
      </c>
      <c r="E25" s="130">
        <v>58696</v>
      </c>
      <c r="F25" s="130">
        <v>62296</v>
      </c>
      <c r="G25" s="130">
        <v>54529</v>
      </c>
      <c r="H25" s="130">
        <v>120821</v>
      </c>
      <c r="I25" s="130">
        <v>58568</v>
      </c>
      <c r="J25" s="130">
        <v>62253</v>
      </c>
      <c r="K25" s="137">
        <v>54395</v>
      </c>
    </row>
    <row r="26" spans="1:11" ht="10.5" customHeight="1">
      <c r="A26" s="60"/>
      <c r="B26" s="115" t="s">
        <v>96</v>
      </c>
      <c r="C26" s="49"/>
      <c r="D26" s="130">
        <v>150839</v>
      </c>
      <c r="E26" s="130">
        <v>72895</v>
      </c>
      <c r="F26" s="130">
        <v>77944</v>
      </c>
      <c r="G26" s="130">
        <v>64086</v>
      </c>
      <c r="H26" s="130">
        <v>150814</v>
      </c>
      <c r="I26" s="130">
        <v>72868</v>
      </c>
      <c r="J26" s="130">
        <v>77946</v>
      </c>
      <c r="K26" s="137">
        <v>64136</v>
      </c>
    </row>
    <row r="27" spans="1:11" ht="10.5" customHeight="1">
      <c r="A27" s="60"/>
      <c r="B27" s="115" t="s">
        <v>97</v>
      </c>
      <c r="C27" s="49"/>
      <c r="D27" s="130">
        <v>121567</v>
      </c>
      <c r="E27" s="130">
        <v>58618</v>
      </c>
      <c r="F27" s="130">
        <v>62949</v>
      </c>
      <c r="G27" s="130">
        <v>54013</v>
      </c>
      <c r="H27" s="130">
        <v>121520</v>
      </c>
      <c r="I27" s="130">
        <v>58576</v>
      </c>
      <c r="J27" s="130">
        <v>62944</v>
      </c>
      <c r="K27" s="137">
        <v>54027</v>
      </c>
    </row>
    <row r="28" spans="1:11" ht="10.5" customHeight="1">
      <c r="A28" s="125"/>
      <c r="B28" s="126" t="s">
        <v>98</v>
      </c>
      <c r="C28" s="40"/>
      <c r="D28" s="127">
        <v>1545581</v>
      </c>
      <c r="E28" s="127">
        <v>777782</v>
      </c>
      <c r="F28" s="127">
        <v>767799</v>
      </c>
      <c r="G28" s="127">
        <v>772123</v>
      </c>
      <c r="H28" s="127">
        <v>1545604</v>
      </c>
      <c r="I28" s="127">
        <v>777714</v>
      </c>
      <c r="J28" s="127">
        <v>767890</v>
      </c>
      <c r="K28" s="136">
        <v>772375</v>
      </c>
    </row>
    <row r="29" spans="1:11" ht="10.5" customHeight="1">
      <c r="A29" s="60"/>
      <c r="B29" s="115" t="s">
        <v>99</v>
      </c>
      <c r="C29" s="49"/>
      <c r="D29" s="130">
        <v>231177</v>
      </c>
      <c r="E29" s="130">
        <v>124437</v>
      </c>
      <c r="F29" s="130">
        <v>106740</v>
      </c>
      <c r="G29" s="130">
        <v>126226</v>
      </c>
      <c r="H29" s="130">
        <v>231030</v>
      </c>
      <c r="I29" s="130">
        <v>124327</v>
      </c>
      <c r="J29" s="130">
        <v>106703</v>
      </c>
      <c r="K29" s="137">
        <v>126180</v>
      </c>
    </row>
    <row r="30" spans="1:11" ht="10.5" customHeight="1">
      <c r="A30" s="60"/>
      <c r="B30" s="115" t="s">
        <v>100</v>
      </c>
      <c r="C30" s="49"/>
      <c r="D30" s="130">
        <v>171992</v>
      </c>
      <c r="E30" s="130">
        <v>86975</v>
      </c>
      <c r="F30" s="130">
        <v>85017</v>
      </c>
      <c r="G30" s="130">
        <v>82171</v>
      </c>
      <c r="H30" s="130">
        <v>172021</v>
      </c>
      <c r="I30" s="130">
        <v>86983</v>
      </c>
      <c r="J30" s="130">
        <v>85038</v>
      </c>
      <c r="K30" s="137">
        <v>82227</v>
      </c>
    </row>
    <row r="31" spans="1:11" ht="10.5" customHeight="1">
      <c r="A31" s="60"/>
      <c r="B31" s="115" t="s">
        <v>101</v>
      </c>
      <c r="C31" s="49"/>
      <c r="D31" s="130">
        <v>266628</v>
      </c>
      <c r="E31" s="130">
        <v>134780</v>
      </c>
      <c r="F31" s="130">
        <v>131848</v>
      </c>
      <c r="G31" s="130">
        <v>139529</v>
      </c>
      <c r="H31" s="130">
        <v>266655</v>
      </c>
      <c r="I31" s="130">
        <v>134788</v>
      </c>
      <c r="J31" s="130">
        <v>131867</v>
      </c>
      <c r="K31" s="137">
        <v>139615</v>
      </c>
    </row>
    <row r="32" spans="1:11" ht="10.5" customHeight="1">
      <c r="A32" s="60"/>
      <c r="B32" s="115" t="s">
        <v>102</v>
      </c>
      <c r="C32" s="49"/>
      <c r="D32" s="130">
        <v>234596</v>
      </c>
      <c r="E32" s="130">
        <v>116107</v>
      </c>
      <c r="F32" s="130">
        <v>118489</v>
      </c>
      <c r="G32" s="130">
        <v>117250</v>
      </c>
      <c r="H32" s="130">
        <v>234839</v>
      </c>
      <c r="I32" s="130">
        <v>116236</v>
      </c>
      <c r="J32" s="130">
        <v>118603</v>
      </c>
      <c r="K32" s="137">
        <v>117413</v>
      </c>
    </row>
    <row r="33" spans="1:11" ht="10.5" customHeight="1">
      <c r="A33" s="60"/>
      <c r="B33" s="115" t="s">
        <v>103</v>
      </c>
      <c r="C33" s="49"/>
      <c r="D33" s="130">
        <v>235072</v>
      </c>
      <c r="E33" s="130">
        <v>113664</v>
      </c>
      <c r="F33" s="130">
        <v>121408</v>
      </c>
      <c r="G33" s="130">
        <v>106004</v>
      </c>
      <c r="H33" s="130">
        <v>235002</v>
      </c>
      <c r="I33" s="130">
        <v>113615</v>
      </c>
      <c r="J33" s="130">
        <v>121387</v>
      </c>
      <c r="K33" s="137">
        <v>105993</v>
      </c>
    </row>
    <row r="34" spans="1:11" ht="10.5" customHeight="1">
      <c r="A34" s="60"/>
      <c r="B34" s="115" t="s">
        <v>104</v>
      </c>
      <c r="C34" s="49"/>
      <c r="D34" s="130">
        <v>225429</v>
      </c>
      <c r="E34" s="130">
        <v>114730</v>
      </c>
      <c r="F34" s="130">
        <v>110699</v>
      </c>
      <c r="G34" s="130">
        <v>119124</v>
      </c>
      <c r="H34" s="130">
        <v>225380</v>
      </c>
      <c r="I34" s="130">
        <v>114675</v>
      </c>
      <c r="J34" s="130">
        <v>110705</v>
      </c>
      <c r="K34" s="137">
        <v>119091</v>
      </c>
    </row>
    <row r="35" spans="1:11" ht="10.5" customHeight="1">
      <c r="A35" s="60"/>
      <c r="B35" s="115" t="s">
        <v>105</v>
      </c>
      <c r="C35" s="49"/>
      <c r="D35" s="130">
        <v>180687</v>
      </c>
      <c r="E35" s="130">
        <v>87089</v>
      </c>
      <c r="F35" s="130">
        <v>93598</v>
      </c>
      <c r="G35" s="130">
        <v>81819</v>
      </c>
      <c r="H35" s="130">
        <v>180677</v>
      </c>
      <c r="I35" s="130">
        <v>87090</v>
      </c>
      <c r="J35" s="130">
        <v>93587</v>
      </c>
      <c r="K35" s="137">
        <v>81856</v>
      </c>
    </row>
    <row r="36" spans="1:11" ht="10.5" customHeight="1">
      <c r="A36" s="125"/>
      <c r="B36" s="126" t="s">
        <v>106</v>
      </c>
      <c r="C36" s="40"/>
      <c r="D36" s="127">
        <v>725030</v>
      </c>
      <c r="E36" s="127">
        <v>361037</v>
      </c>
      <c r="F36" s="127">
        <v>363993</v>
      </c>
      <c r="G36" s="127">
        <v>344584</v>
      </c>
      <c r="H36" s="127">
        <v>725087</v>
      </c>
      <c r="I36" s="127">
        <v>361057</v>
      </c>
      <c r="J36" s="127">
        <v>364030</v>
      </c>
      <c r="K36" s="136">
        <v>344797</v>
      </c>
    </row>
    <row r="37" spans="1:11" ht="10.5" customHeight="1">
      <c r="A37" s="60"/>
      <c r="B37" s="115" t="s">
        <v>91</v>
      </c>
      <c r="C37" s="49"/>
      <c r="D37" s="130">
        <v>167588</v>
      </c>
      <c r="E37" s="130">
        <v>84204</v>
      </c>
      <c r="F37" s="130">
        <v>83384</v>
      </c>
      <c r="G37" s="130">
        <v>76752</v>
      </c>
      <c r="H37" s="130">
        <v>167593</v>
      </c>
      <c r="I37" s="130">
        <v>84213</v>
      </c>
      <c r="J37" s="130">
        <v>83380</v>
      </c>
      <c r="K37" s="137">
        <v>76841</v>
      </c>
    </row>
    <row r="38" spans="1:11" ht="10.5" customHeight="1">
      <c r="A38" s="60"/>
      <c r="B38" s="115" t="s">
        <v>107</v>
      </c>
      <c r="C38" s="49"/>
      <c r="D38" s="130">
        <v>274337</v>
      </c>
      <c r="E38" s="130">
        <v>136983</v>
      </c>
      <c r="F38" s="130">
        <v>137354</v>
      </c>
      <c r="G38" s="130">
        <v>129787</v>
      </c>
      <c r="H38" s="130">
        <v>274413</v>
      </c>
      <c r="I38" s="130">
        <v>137019</v>
      </c>
      <c r="J38" s="130">
        <v>137394</v>
      </c>
      <c r="K38" s="137">
        <v>129867</v>
      </c>
    </row>
    <row r="39" spans="1:11" ht="10.5" customHeight="1">
      <c r="A39" s="60"/>
      <c r="B39" s="115" t="s">
        <v>84</v>
      </c>
      <c r="C39" s="49"/>
      <c r="D39" s="130">
        <v>283105</v>
      </c>
      <c r="E39" s="130">
        <v>139850</v>
      </c>
      <c r="F39" s="130">
        <v>143255</v>
      </c>
      <c r="G39" s="130">
        <v>138045</v>
      </c>
      <c r="H39" s="130">
        <v>283081</v>
      </c>
      <c r="I39" s="130">
        <v>139825</v>
      </c>
      <c r="J39" s="130">
        <v>143256</v>
      </c>
      <c r="K39" s="137">
        <v>138089</v>
      </c>
    </row>
    <row r="40" spans="1:11" ht="10.5" customHeight="1">
      <c r="A40" s="9"/>
      <c r="B40" s="115" t="s">
        <v>108</v>
      </c>
      <c r="C40" s="49"/>
      <c r="D40" s="130">
        <v>375781</v>
      </c>
      <c r="E40" s="130">
        <v>187065</v>
      </c>
      <c r="F40" s="130">
        <v>188716</v>
      </c>
      <c r="G40" s="130">
        <v>166128</v>
      </c>
      <c r="H40" s="130">
        <v>375424</v>
      </c>
      <c r="I40" s="130">
        <v>186824</v>
      </c>
      <c r="J40" s="130">
        <v>188600</v>
      </c>
      <c r="K40" s="137">
        <v>166050</v>
      </c>
    </row>
    <row r="41" spans="1:11" ht="10.5" customHeight="1">
      <c r="A41" s="9"/>
      <c r="B41" s="115" t="s">
        <v>109</v>
      </c>
      <c r="C41" s="49"/>
      <c r="D41" s="130">
        <v>258395</v>
      </c>
      <c r="E41" s="130">
        <v>128895</v>
      </c>
      <c r="F41" s="130">
        <v>129500</v>
      </c>
      <c r="G41" s="130">
        <v>116537</v>
      </c>
      <c r="H41" s="130">
        <v>258463</v>
      </c>
      <c r="I41" s="130">
        <v>128917</v>
      </c>
      <c r="J41" s="130">
        <v>129546</v>
      </c>
      <c r="K41" s="137">
        <v>116686</v>
      </c>
    </row>
    <row r="42" spans="1:11" ht="10.5" customHeight="1">
      <c r="A42" s="9"/>
      <c r="B42" s="115" t="s">
        <v>110</v>
      </c>
      <c r="C42" s="49"/>
      <c r="D42" s="130">
        <v>171673</v>
      </c>
      <c r="E42" s="130">
        <v>80534</v>
      </c>
      <c r="F42" s="130">
        <v>91139</v>
      </c>
      <c r="G42" s="130">
        <v>77153</v>
      </c>
      <c r="H42" s="130">
        <v>171600</v>
      </c>
      <c r="I42" s="130">
        <v>80511</v>
      </c>
      <c r="J42" s="130">
        <v>91089</v>
      </c>
      <c r="K42" s="137">
        <v>77172</v>
      </c>
    </row>
    <row r="43" spans="1:11" ht="10.5" customHeight="1">
      <c r="A43" s="9"/>
      <c r="B43" s="115" t="s">
        <v>111</v>
      </c>
      <c r="C43" s="49"/>
      <c r="D43" s="130">
        <v>443946</v>
      </c>
      <c r="E43" s="130">
        <v>218982</v>
      </c>
      <c r="F43" s="130">
        <v>224964</v>
      </c>
      <c r="G43" s="130">
        <v>201811</v>
      </c>
      <c r="H43" s="130">
        <v>443986</v>
      </c>
      <c r="I43" s="130">
        <v>218976</v>
      </c>
      <c r="J43" s="130">
        <v>225010</v>
      </c>
      <c r="K43" s="137">
        <v>201943</v>
      </c>
    </row>
    <row r="44" spans="1:11" ht="10.5" customHeight="1">
      <c r="A44" s="9"/>
      <c r="B44" s="115" t="s">
        <v>112</v>
      </c>
      <c r="C44" s="49"/>
      <c r="D44" s="130">
        <v>186505</v>
      </c>
      <c r="E44" s="130">
        <v>90174</v>
      </c>
      <c r="F44" s="130">
        <v>96331</v>
      </c>
      <c r="G44" s="130">
        <v>84425</v>
      </c>
      <c r="H44" s="130">
        <v>186338</v>
      </c>
      <c r="I44" s="130">
        <v>90102</v>
      </c>
      <c r="J44" s="130">
        <v>96236</v>
      </c>
      <c r="K44" s="137">
        <v>84425</v>
      </c>
    </row>
    <row r="45" spans="1:11" ht="10.5" customHeight="1">
      <c r="A45" s="9"/>
      <c r="B45" s="115" t="s">
        <v>113</v>
      </c>
      <c r="C45" s="49"/>
      <c r="D45" s="130">
        <v>245484</v>
      </c>
      <c r="E45" s="130">
        <v>118901</v>
      </c>
      <c r="F45" s="130">
        <v>126583</v>
      </c>
      <c r="G45" s="130">
        <v>107172</v>
      </c>
      <c r="H45" s="130">
        <v>245534</v>
      </c>
      <c r="I45" s="130">
        <v>118904</v>
      </c>
      <c r="J45" s="130">
        <v>126630</v>
      </c>
      <c r="K45" s="137">
        <v>107275</v>
      </c>
    </row>
    <row r="46" spans="1:11" ht="10.5" customHeight="1">
      <c r="A46" s="9"/>
      <c r="B46" s="115" t="s">
        <v>114</v>
      </c>
      <c r="C46" s="49"/>
      <c r="D46" s="130">
        <v>56058</v>
      </c>
      <c r="E46" s="130">
        <v>26160</v>
      </c>
      <c r="F46" s="130">
        <v>29898</v>
      </c>
      <c r="G46" s="130">
        <v>25110</v>
      </c>
      <c r="H46" s="130">
        <v>56019</v>
      </c>
      <c r="I46" s="130">
        <v>26145</v>
      </c>
      <c r="J46" s="130">
        <v>29874</v>
      </c>
      <c r="K46" s="137">
        <v>25106</v>
      </c>
    </row>
    <row r="47" spans="1:11" ht="10.5" customHeight="1">
      <c r="A47" s="9"/>
      <c r="B47" s="115" t="s">
        <v>115</v>
      </c>
      <c r="C47" s="49"/>
      <c r="D47" s="130">
        <v>40359</v>
      </c>
      <c r="E47" s="130">
        <v>19260</v>
      </c>
      <c r="F47" s="130">
        <v>21099</v>
      </c>
      <c r="G47" s="130">
        <v>17176</v>
      </c>
      <c r="H47" s="130">
        <v>40306</v>
      </c>
      <c r="I47" s="130">
        <v>19226</v>
      </c>
      <c r="J47" s="130">
        <v>21080</v>
      </c>
      <c r="K47" s="137">
        <v>17165</v>
      </c>
    </row>
    <row r="48" spans="1:11" ht="10.5" customHeight="1">
      <c r="A48" s="9"/>
      <c r="B48" s="115" t="s">
        <v>116</v>
      </c>
      <c r="C48" s="49"/>
      <c r="D48" s="130">
        <v>161408</v>
      </c>
      <c r="E48" s="130">
        <v>81536</v>
      </c>
      <c r="F48" s="130">
        <v>79872</v>
      </c>
      <c r="G48" s="130">
        <v>72849</v>
      </c>
      <c r="H48" s="130">
        <v>161278</v>
      </c>
      <c r="I48" s="130">
        <v>81446</v>
      </c>
      <c r="J48" s="130">
        <v>79832</v>
      </c>
      <c r="K48" s="137">
        <v>72858</v>
      </c>
    </row>
    <row r="49" spans="1:11" ht="10.5" customHeight="1">
      <c r="A49" s="9"/>
      <c r="B49" s="115" t="s">
        <v>117</v>
      </c>
      <c r="C49" s="49"/>
      <c r="D49" s="130">
        <v>224098</v>
      </c>
      <c r="E49" s="130">
        <v>115473</v>
      </c>
      <c r="F49" s="130">
        <v>108625</v>
      </c>
      <c r="G49" s="130">
        <v>104848</v>
      </c>
      <c r="H49" s="130">
        <v>224058</v>
      </c>
      <c r="I49" s="130">
        <v>115427</v>
      </c>
      <c r="J49" s="130">
        <v>108631</v>
      </c>
      <c r="K49" s="137">
        <v>104921</v>
      </c>
    </row>
    <row r="50" spans="1:11" ht="10.5" customHeight="1">
      <c r="A50" s="9"/>
      <c r="B50" s="115" t="s">
        <v>118</v>
      </c>
      <c r="C50" s="49"/>
      <c r="D50" s="130">
        <v>243352</v>
      </c>
      <c r="E50" s="130">
        <v>121256</v>
      </c>
      <c r="F50" s="130">
        <v>122096</v>
      </c>
      <c r="G50" s="130">
        <v>115231</v>
      </c>
      <c r="H50" s="130">
        <v>243252</v>
      </c>
      <c r="I50" s="130">
        <v>121223</v>
      </c>
      <c r="J50" s="130">
        <v>122029</v>
      </c>
      <c r="K50" s="137">
        <v>115226</v>
      </c>
    </row>
    <row r="51" spans="1:11" ht="10.5" customHeight="1">
      <c r="A51" s="9"/>
      <c r="B51" s="115" t="s">
        <v>119</v>
      </c>
      <c r="C51" s="49"/>
      <c r="D51" s="130">
        <v>101514</v>
      </c>
      <c r="E51" s="130">
        <v>51366</v>
      </c>
      <c r="F51" s="130">
        <v>50148</v>
      </c>
      <c r="G51" s="130">
        <v>47062</v>
      </c>
      <c r="H51" s="130">
        <v>101446</v>
      </c>
      <c r="I51" s="130">
        <v>51313</v>
      </c>
      <c r="J51" s="130">
        <v>50133</v>
      </c>
      <c r="K51" s="137">
        <v>47056</v>
      </c>
    </row>
    <row r="52" spans="1:11" ht="10.5" customHeight="1">
      <c r="A52" s="9"/>
      <c r="B52" s="115" t="s">
        <v>120</v>
      </c>
      <c r="C52" s="49"/>
      <c r="D52" s="130">
        <v>140117</v>
      </c>
      <c r="E52" s="130">
        <v>70377</v>
      </c>
      <c r="F52" s="130">
        <v>69740</v>
      </c>
      <c r="G52" s="130">
        <v>61836</v>
      </c>
      <c r="H52" s="130">
        <v>140170</v>
      </c>
      <c r="I52" s="130">
        <v>70392</v>
      </c>
      <c r="J52" s="130">
        <v>69778</v>
      </c>
      <c r="K52" s="137">
        <v>61911</v>
      </c>
    </row>
    <row r="53" spans="1:11" ht="10.5" customHeight="1">
      <c r="A53" s="9"/>
      <c r="B53" s="115" t="s">
        <v>121</v>
      </c>
      <c r="C53" s="49"/>
      <c r="D53" s="130">
        <v>132055</v>
      </c>
      <c r="E53" s="130">
        <v>65610</v>
      </c>
      <c r="F53" s="130">
        <v>66445</v>
      </c>
      <c r="G53" s="130">
        <v>62006</v>
      </c>
      <c r="H53" s="130">
        <v>132075</v>
      </c>
      <c r="I53" s="130">
        <v>65618</v>
      </c>
      <c r="J53" s="130">
        <v>66457</v>
      </c>
      <c r="K53" s="137">
        <v>62032</v>
      </c>
    </row>
    <row r="54" spans="1:11" ht="10.5" customHeight="1">
      <c r="A54" s="9"/>
      <c r="B54" s="115" t="s">
        <v>122</v>
      </c>
      <c r="C54" s="49"/>
      <c r="D54" s="130">
        <v>39846</v>
      </c>
      <c r="E54" s="130">
        <v>19460</v>
      </c>
      <c r="F54" s="130">
        <v>20386</v>
      </c>
      <c r="G54" s="130">
        <v>16645</v>
      </c>
      <c r="H54" s="130">
        <v>39817</v>
      </c>
      <c r="I54" s="130">
        <v>19441</v>
      </c>
      <c r="J54" s="130">
        <v>20376</v>
      </c>
      <c r="K54" s="137">
        <v>16608</v>
      </c>
    </row>
    <row r="55" spans="1:11" ht="10.5" customHeight="1">
      <c r="A55" s="9"/>
      <c r="B55" s="115" t="s">
        <v>123</v>
      </c>
      <c r="C55" s="49"/>
      <c r="D55" s="130">
        <v>83013</v>
      </c>
      <c r="E55" s="130">
        <v>41902</v>
      </c>
      <c r="F55" s="130">
        <v>41111</v>
      </c>
      <c r="G55" s="130">
        <v>35558</v>
      </c>
      <c r="H55" s="130">
        <v>82929</v>
      </c>
      <c r="I55" s="130">
        <v>41851</v>
      </c>
      <c r="J55" s="130">
        <v>41078</v>
      </c>
      <c r="K55" s="137">
        <v>35546</v>
      </c>
    </row>
    <row r="56" spans="1:11" ht="10.5" customHeight="1">
      <c r="A56" s="9"/>
      <c r="B56" s="115" t="s">
        <v>124</v>
      </c>
      <c r="C56" s="49"/>
      <c r="D56" s="122">
        <v>31167</v>
      </c>
      <c r="E56" s="130">
        <v>14627</v>
      </c>
      <c r="F56" s="130">
        <v>16540</v>
      </c>
      <c r="G56" s="130">
        <v>13094</v>
      </c>
      <c r="H56" s="130">
        <v>31118</v>
      </c>
      <c r="I56" s="130">
        <v>14607</v>
      </c>
      <c r="J56" s="130">
        <v>16511</v>
      </c>
      <c r="K56" s="137">
        <v>13086</v>
      </c>
    </row>
    <row r="57" spans="1:11" ht="10.5" customHeight="1">
      <c r="A57" s="9"/>
      <c r="B57" s="115" t="s">
        <v>125</v>
      </c>
      <c r="C57" s="49"/>
      <c r="D57" s="122">
        <v>48639</v>
      </c>
      <c r="E57" s="130">
        <v>24676</v>
      </c>
      <c r="F57" s="130">
        <v>23963</v>
      </c>
      <c r="G57" s="130">
        <v>20675</v>
      </c>
      <c r="H57" s="130">
        <v>48616</v>
      </c>
      <c r="I57" s="130">
        <v>24659</v>
      </c>
      <c r="J57" s="130">
        <v>23957</v>
      </c>
      <c r="K57" s="137">
        <v>20646</v>
      </c>
    </row>
    <row r="58" spans="1:11" ht="10.5" customHeight="1">
      <c r="A58" s="125"/>
      <c r="B58" s="126" t="s">
        <v>126</v>
      </c>
      <c r="C58" s="40"/>
      <c r="D58" s="127">
        <v>58146</v>
      </c>
      <c r="E58" s="127">
        <v>28116</v>
      </c>
      <c r="F58" s="127">
        <v>30030</v>
      </c>
      <c r="G58" s="127">
        <v>24748</v>
      </c>
      <c r="H58" s="127">
        <v>58114</v>
      </c>
      <c r="I58" s="127">
        <v>28094</v>
      </c>
      <c r="J58" s="127">
        <v>30020</v>
      </c>
      <c r="K58" s="136">
        <v>24753</v>
      </c>
    </row>
    <row r="59" spans="1:11" ht="10.5" customHeight="1">
      <c r="A59" s="60"/>
      <c r="B59" s="115" t="s">
        <v>127</v>
      </c>
      <c r="C59" s="49"/>
      <c r="D59" s="130">
        <v>31163</v>
      </c>
      <c r="E59" s="130">
        <v>15164</v>
      </c>
      <c r="F59" s="130">
        <v>15999</v>
      </c>
      <c r="G59" s="130">
        <v>12977</v>
      </c>
      <c r="H59" s="130">
        <v>31146</v>
      </c>
      <c r="I59" s="130">
        <v>15151</v>
      </c>
      <c r="J59" s="130">
        <v>15995</v>
      </c>
      <c r="K59" s="137">
        <v>12973</v>
      </c>
    </row>
    <row r="60" spans="1:11" ht="10.5" customHeight="1">
      <c r="A60" s="60"/>
      <c r="B60" s="115" t="s">
        <v>128</v>
      </c>
      <c r="C60" s="49"/>
      <c r="D60" s="130">
        <v>26983</v>
      </c>
      <c r="E60" s="130">
        <v>12952</v>
      </c>
      <c r="F60" s="130">
        <v>14031</v>
      </c>
      <c r="G60" s="130">
        <v>11771</v>
      </c>
      <c r="H60" s="130">
        <v>26968</v>
      </c>
      <c r="I60" s="130">
        <v>12943</v>
      </c>
      <c r="J60" s="130">
        <v>14025</v>
      </c>
      <c r="K60" s="137">
        <v>11780</v>
      </c>
    </row>
    <row r="61" spans="1:11" ht="10.5" customHeight="1">
      <c r="A61" s="125"/>
      <c r="B61" s="126" t="s">
        <v>129</v>
      </c>
      <c r="C61" s="40"/>
      <c r="D61" s="127">
        <v>64732</v>
      </c>
      <c r="E61" s="127">
        <v>31843</v>
      </c>
      <c r="F61" s="127">
        <v>32889</v>
      </c>
      <c r="G61" s="127">
        <v>26346</v>
      </c>
      <c r="H61" s="127">
        <v>64705</v>
      </c>
      <c r="I61" s="127">
        <v>31818</v>
      </c>
      <c r="J61" s="127">
        <v>32887</v>
      </c>
      <c r="K61" s="136">
        <v>26340</v>
      </c>
    </row>
    <row r="62" spans="1:11" ht="10.5" customHeight="1">
      <c r="A62" s="60"/>
      <c r="B62" s="115" t="s">
        <v>130</v>
      </c>
      <c r="C62" s="49"/>
      <c r="D62" s="130">
        <v>8975</v>
      </c>
      <c r="E62" s="130">
        <v>4478</v>
      </c>
      <c r="F62" s="130">
        <v>4497</v>
      </c>
      <c r="G62" s="130">
        <v>3449</v>
      </c>
      <c r="H62" s="130">
        <v>8971</v>
      </c>
      <c r="I62" s="130">
        <v>4475</v>
      </c>
      <c r="J62" s="130">
        <v>4496</v>
      </c>
      <c r="K62" s="137">
        <v>3441</v>
      </c>
    </row>
    <row r="63" spans="1:11" ht="10.5" customHeight="1">
      <c r="A63" s="60"/>
      <c r="B63" s="115" t="s">
        <v>131</v>
      </c>
      <c r="C63" s="49"/>
      <c r="D63" s="130">
        <v>17305</v>
      </c>
      <c r="E63" s="130">
        <v>8489</v>
      </c>
      <c r="F63" s="130">
        <v>8816</v>
      </c>
      <c r="G63" s="130">
        <v>7076</v>
      </c>
      <c r="H63" s="130">
        <v>17324</v>
      </c>
      <c r="I63" s="130">
        <v>8490</v>
      </c>
      <c r="J63" s="130">
        <v>8834</v>
      </c>
      <c r="K63" s="137">
        <v>7086</v>
      </c>
    </row>
    <row r="64" spans="1:11" ht="10.5" customHeight="1">
      <c r="A64" s="60"/>
      <c r="B64" s="115" t="s">
        <v>132</v>
      </c>
      <c r="C64" s="49"/>
      <c r="D64" s="130">
        <v>10387</v>
      </c>
      <c r="E64" s="130">
        <v>5154</v>
      </c>
      <c r="F64" s="130">
        <v>5233</v>
      </c>
      <c r="G64" s="130">
        <v>4525</v>
      </c>
      <c r="H64" s="130">
        <v>10361</v>
      </c>
      <c r="I64" s="130">
        <v>5149</v>
      </c>
      <c r="J64" s="130">
        <v>5212</v>
      </c>
      <c r="K64" s="137">
        <v>4519</v>
      </c>
    </row>
    <row r="65" spans="1:11" ht="10.5" customHeight="1">
      <c r="A65" s="60"/>
      <c r="B65" s="115" t="s">
        <v>133</v>
      </c>
      <c r="C65" s="49"/>
      <c r="D65" s="130">
        <v>9247</v>
      </c>
      <c r="E65" s="130">
        <v>4588</v>
      </c>
      <c r="F65" s="130">
        <v>4659</v>
      </c>
      <c r="G65" s="130">
        <v>3925</v>
      </c>
      <c r="H65" s="130">
        <v>9241</v>
      </c>
      <c r="I65" s="130">
        <v>4584</v>
      </c>
      <c r="J65" s="130">
        <v>4657</v>
      </c>
      <c r="K65" s="137">
        <v>3927</v>
      </c>
    </row>
    <row r="66" spans="1:11" ht="10.5" customHeight="1">
      <c r="A66" s="60"/>
      <c r="B66" s="115" t="s">
        <v>134</v>
      </c>
      <c r="C66" s="49"/>
      <c r="D66" s="130">
        <v>18818</v>
      </c>
      <c r="E66" s="130">
        <v>9134</v>
      </c>
      <c r="F66" s="130">
        <v>9684</v>
      </c>
      <c r="G66" s="130">
        <v>7371</v>
      </c>
      <c r="H66" s="130">
        <v>18808</v>
      </c>
      <c r="I66" s="130">
        <v>9120</v>
      </c>
      <c r="J66" s="130">
        <v>9688</v>
      </c>
      <c r="K66" s="137">
        <v>7367</v>
      </c>
    </row>
    <row r="67" spans="1:11" ht="10.5" customHeight="1">
      <c r="A67" s="125"/>
      <c r="B67" s="126" t="s">
        <v>135</v>
      </c>
      <c r="C67" s="40"/>
      <c r="D67" s="127">
        <v>39820</v>
      </c>
      <c r="E67" s="127">
        <v>18635</v>
      </c>
      <c r="F67" s="127">
        <v>21185</v>
      </c>
      <c r="G67" s="127">
        <v>20115</v>
      </c>
      <c r="H67" s="127">
        <v>39784</v>
      </c>
      <c r="I67" s="127">
        <v>18592</v>
      </c>
      <c r="J67" s="127">
        <v>21192</v>
      </c>
      <c r="K67" s="136">
        <v>20143</v>
      </c>
    </row>
    <row r="68" spans="1:11" ht="10.5" customHeight="1">
      <c r="A68" s="60"/>
      <c r="B68" s="115" t="s">
        <v>136</v>
      </c>
      <c r="C68" s="49"/>
      <c r="D68" s="130">
        <v>10967</v>
      </c>
      <c r="E68" s="130">
        <v>5259</v>
      </c>
      <c r="F68" s="130">
        <v>5708</v>
      </c>
      <c r="G68" s="130">
        <v>6444</v>
      </c>
      <c r="H68" s="130">
        <v>10965</v>
      </c>
      <c r="I68" s="130">
        <v>5232</v>
      </c>
      <c r="J68" s="130">
        <v>5733</v>
      </c>
      <c r="K68" s="137">
        <v>6458</v>
      </c>
    </row>
    <row r="69" spans="1:11" ht="10.5" customHeight="1">
      <c r="A69" s="60"/>
      <c r="B69" s="115" t="s">
        <v>137</v>
      </c>
      <c r="C69" s="49"/>
      <c r="D69" s="130">
        <v>6349</v>
      </c>
      <c r="E69" s="130">
        <v>2946</v>
      </c>
      <c r="F69" s="130">
        <v>3403</v>
      </c>
      <c r="G69" s="130">
        <v>2914</v>
      </c>
      <c r="H69" s="130">
        <v>6346</v>
      </c>
      <c r="I69" s="130">
        <v>2942</v>
      </c>
      <c r="J69" s="130">
        <v>3404</v>
      </c>
      <c r="K69" s="137">
        <v>2917</v>
      </c>
    </row>
    <row r="70" spans="1:11" ht="10.5" customHeight="1">
      <c r="A70" s="60"/>
      <c r="B70" s="115" t="s">
        <v>138</v>
      </c>
      <c r="C70" s="49"/>
      <c r="D70" s="130">
        <v>22504</v>
      </c>
      <c r="E70" s="130">
        <v>10430</v>
      </c>
      <c r="F70" s="130">
        <v>12074</v>
      </c>
      <c r="G70" s="130">
        <v>10757</v>
      </c>
      <c r="H70" s="130">
        <v>22473</v>
      </c>
      <c r="I70" s="130">
        <v>10418</v>
      </c>
      <c r="J70" s="130">
        <v>12055</v>
      </c>
      <c r="K70" s="137">
        <v>10768</v>
      </c>
    </row>
    <row r="71" spans="1:11" ht="10.5" customHeight="1">
      <c r="A71" s="125"/>
      <c r="B71" s="126" t="s">
        <v>139</v>
      </c>
      <c r="C71" s="40"/>
      <c r="D71" s="127">
        <v>42268</v>
      </c>
      <c r="E71" s="127">
        <v>22065</v>
      </c>
      <c r="F71" s="127">
        <v>20203</v>
      </c>
      <c r="G71" s="127">
        <v>18753</v>
      </c>
      <c r="H71" s="127">
        <v>42224</v>
      </c>
      <c r="I71" s="127">
        <v>22044</v>
      </c>
      <c r="J71" s="127">
        <v>20180</v>
      </c>
      <c r="K71" s="136">
        <v>18743</v>
      </c>
    </row>
    <row r="72" spans="1:11" ht="10.5" customHeight="1">
      <c r="A72" s="60"/>
      <c r="B72" s="115" t="s">
        <v>140</v>
      </c>
      <c r="C72" s="49"/>
      <c r="D72" s="130">
        <v>39345</v>
      </c>
      <c r="E72" s="130">
        <v>20569</v>
      </c>
      <c r="F72" s="130">
        <v>18776</v>
      </c>
      <c r="G72" s="130">
        <v>17624</v>
      </c>
      <c r="H72" s="130">
        <v>39312</v>
      </c>
      <c r="I72" s="130">
        <v>20555</v>
      </c>
      <c r="J72" s="130">
        <v>18757</v>
      </c>
      <c r="K72" s="137">
        <v>17622</v>
      </c>
    </row>
    <row r="73" spans="1:11" ht="10.5" customHeight="1" thickBot="1">
      <c r="A73" s="133"/>
      <c r="B73" s="138" t="s">
        <v>141</v>
      </c>
      <c r="C73" s="139"/>
      <c r="D73" s="140">
        <v>2923</v>
      </c>
      <c r="E73" s="140">
        <v>1496</v>
      </c>
      <c r="F73" s="140">
        <v>1427</v>
      </c>
      <c r="G73" s="140">
        <v>1129</v>
      </c>
      <c r="H73" s="140">
        <v>2912</v>
      </c>
      <c r="I73" s="140">
        <v>1489</v>
      </c>
      <c r="J73" s="140">
        <v>1423</v>
      </c>
      <c r="K73" s="141">
        <v>1121</v>
      </c>
    </row>
    <row r="74" spans="1:11" ht="9.75" customHeight="1"/>
  </sheetData>
  <mergeCells count="6"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  <headerFooter>
    <oddFooter>&amp;C&amp;"HGPｺﾞｼｯｸM,ﾒﾃﾞｨｳﾑ"&amp;9- 24 -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9"/>
  <dimension ref="A1:V74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2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18.75" customHeight="1">
      <c r="A1" s="206" t="s">
        <v>158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22" ht="15" customHeight="1" thickBot="1">
      <c r="A2" s="207" t="s">
        <v>149</v>
      </c>
      <c r="B2" s="207"/>
      <c r="C2" s="207"/>
      <c r="I2" s="242"/>
      <c r="J2" s="242"/>
      <c r="K2" s="242"/>
    </row>
    <row r="3" spans="1:22" ht="15" customHeight="1">
      <c r="A3" s="208" t="s">
        <v>72</v>
      </c>
      <c r="B3" s="209"/>
      <c r="C3" s="209"/>
      <c r="D3" s="220" t="s">
        <v>216</v>
      </c>
      <c r="E3" s="209"/>
      <c r="F3" s="209"/>
      <c r="G3" s="250"/>
      <c r="H3" s="220" t="s">
        <v>217</v>
      </c>
      <c r="I3" s="209"/>
      <c r="J3" s="209"/>
      <c r="K3" s="251"/>
    </row>
    <row r="4" spans="1:22" ht="15" customHeight="1">
      <c r="A4" s="212"/>
      <c r="B4" s="213"/>
      <c r="C4" s="213"/>
      <c r="D4" s="7" t="s">
        <v>150</v>
      </c>
      <c r="E4" s="7" t="s">
        <v>151</v>
      </c>
      <c r="F4" s="7" t="s">
        <v>152</v>
      </c>
      <c r="G4" s="7" t="s">
        <v>5</v>
      </c>
      <c r="H4" s="7" t="s">
        <v>153</v>
      </c>
      <c r="I4" s="7" t="s">
        <v>151</v>
      </c>
      <c r="J4" s="7" t="s">
        <v>152</v>
      </c>
      <c r="K4" s="65" t="s">
        <v>5</v>
      </c>
    </row>
    <row r="5" spans="1:22" ht="10.5" customHeight="1">
      <c r="A5" s="9"/>
      <c r="B5" s="115"/>
      <c r="C5" s="49"/>
      <c r="D5" s="12" t="s">
        <v>10</v>
      </c>
      <c r="E5" s="12" t="s">
        <v>10</v>
      </c>
      <c r="F5" s="12" t="s">
        <v>10</v>
      </c>
      <c r="G5" s="12" t="s">
        <v>12</v>
      </c>
      <c r="H5" s="12" t="s">
        <v>10</v>
      </c>
      <c r="I5" s="12" t="s">
        <v>10</v>
      </c>
      <c r="J5" s="12" t="s">
        <v>10</v>
      </c>
      <c r="K5" s="14" t="s">
        <v>12</v>
      </c>
    </row>
    <row r="6" spans="1:22" ht="10.5" customHeight="1">
      <c r="A6" s="116"/>
      <c r="B6" s="117" t="s">
        <v>76</v>
      </c>
      <c r="C6" s="17"/>
      <c r="D6" s="18">
        <v>9229565</v>
      </c>
      <c r="E6" s="18">
        <v>4574385</v>
      </c>
      <c r="F6" s="18">
        <v>4655180</v>
      </c>
      <c r="G6" s="18">
        <v>4355111</v>
      </c>
      <c r="H6" s="18">
        <v>9227041</v>
      </c>
      <c r="I6" s="18">
        <v>4573009</v>
      </c>
      <c r="J6" s="18">
        <v>4654032</v>
      </c>
      <c r="K6" s="134">
        <v>4355819</v>
      </c>
    </row>
    <row r="7" spans="1:22" s="30" customFormat="1" ht="10.5" customHeight="1">
      <c r="A7" s="120"/>
      <c r="B7" s="121" t="s">
        <v>77</v>
      </c>
      <c r="C7" s="33"/>
      <c r="D7" s="122">
        <v>8945148</v>
      </c>
      <c r="E7" s="122">
        <v>4434649</v>
      </c>
      <c r="F7" s="122">
        <v>4510499</v>
      </c>
      <c r="G7" s="122">
        <v>4231310</v>
      </c>
      <c r="H7" s="122">
        <v>8942843</v>
      </c>
      <c r="I7" s="122">
        <v>4433366</v>
      </c>
      <c r="J7" s="122">
        <v>4509477</v>
      </c>
      <c r="K7" s="135">
        <v>4232070</v>
      </c>
      <c r="S7" s="31"/>
      <c r="T7" s="31"/>
      <c r="U7" s="31"/>
      <c r="V7" s="31"/>
    </row>
    <row r="8" spans="1:22" s="30" customFormat="1" ht="10.5" customHeight="1">
      <c r="A8" s="120"/>
      <c r="B8" s="121" t="s">
        <v>78</v>
      </c>
      <c r="C8" s="33"/>
      <c r="D8" s="122">
        <v>284417</v>
      </c>
      <c r="E8" s="122">
        <v>139736</v>
      </c>
      <c r="F8" s="122">
        <v>144681</v>
      </c>
      <c r="G8" s="122">
        <v>123801</v>
      </c>
      <c r="H8" s="122">
        <v>284198</v>
      </c>
      <c r="I8" s="122">
        <v>139643</v>
      </c>
      <c r="J8" s="122">
        <v>144555</v>
      </c>
      <c r="K8" s="135">
        <v>123749</v>
      </c>
      <c r="S8" s="31"/>
      <c r="T8" s="31"/>
      <c r="U8" s="31"/>
      <c r="V8" s="31"/>
    </row>
    <row r="9" spans="1:22" ht="10.5" customHeight="1">
      <c r="A9" s="125"/>
      <c r="B9" s="126" t="s">
        <v>79</v>
      </c>
      <c r="C9" s="40"/>
      <c r="D9" s="127">
        <v>3771611</v>
      </c>
      <c r="E9" s="127">
        <v>1859320</v>
      </c>
      <c r="F9" s="127">
        <v>1912291</v>
      </c>
      <c r="G9" s="127">
        <v>1800370</v>
      </c>
      <c r="H9" s="127">
        <v>3770179</v>
      </c>
      <c r="I9" s="127">
        <v>1858693</v>
      </c>
      <c r="J9" s="127">
        <v>1911486</v>
      </c>
      <c r="K9" s="136">
        <v>1800294</v>
      </c>
    </row>
    <row r="10" spans="1:22" ht="10.5" customHeight="1">
      <c r="A10" s="60"/>
      <c r="B10" s="115" t="s">
        <v>80</v>
      </c>
      <c r="C10" s="49"/>
      <c r="D10" s="130">
        <v>295886</v>
      </c>
      <c r="E10" s="130">
        <v>152702</v>
      </c>
      <c r="F10" s="130">
        <v>143184</v>
      </c>
      <c r="G10" s="130">
        <v>148591</v>
      </c>
      <c r="H10" s="130">
        <v>295724</v>
      </c>
      <c r="I10" s="130">
        <v>152582</v>
      </c>
      <c r="J10" s="130">
        <v>143142</v>
      </c>
      <c r="K10" s="137">
        <v>148482</v>
      </c>
    </row>
    <row r="11" spans="1:22" ht="10.5" customHeight="1">
      <c r="A11" s="60"/>
      <c r="B11" s="115" t="s">
        <v>81</v>
      </c>
      <c r="C11" s="49"/>
      <c r="D11" s="130">
        <v>249816</v>
      </c>
      <c r="E11" s="130">
        <v>127049</v>
      </c>
      <c r="F11" s="130">
        <v>122767</v>
      </c>
      <c r="G11" s="130">
        <v>133824</v>
      </c>
      <c r="H11" s="130">
        <v>249829</v>
      </c>
      <c r="I11" s="130">
        <v>127034</v>
      </c>
      <c r="J11" s="130">
        <v>122795</v>
      </c>
      <c r="K11" s="137">
        <v>133906</v>
      </c>
    </row>
    <row r="12" spans="1:22" ht="10.5" customHeight="1">
      <c r="A12" s="60"/>
      <c r="B12" s="115" t="s">
        <v>82</v>
      </c>
      <c r="C12" s="49"/>
      <c r="D12" s="130">
        <v>106556</v>
      </c>
      <c r="E12" s="130">
        <v>53935</v>
      </c>
      <c r="F12" s="130">
        <v>52621</v>
      </c>
      <c r="G12" s="130">
        <v>59320</v>
      </c>
      <c r="H12" s="130">
        <v>106509</v>
      </c>
      <c r="I12" s="130">
        <v>53923</v>
      </c>
      <c r="J12" s="130">
        <v>52586</v>
      </c>
      <c r="K12" s="137">
        <v>59285</v>
      </c>
    </row>
    <row r="13" spans="1:22" ht="10.5" customHeight="1">
      <c r="A13" s="60"/>
      <c r="B13" s="115" t="s">
        <v>83</v>
      </c>
      <c r="C13" s="49"/>
      <c r="D13" s="130">
        <v>152067</v>
      </c>
      <c r="E13" s="130">
        <v>77127</v>
      </c>
      <c r="F13" s="130">
        <v>74940</v>
      </c>
      <c r="G13" s="130">
        <v>87676</v>
      </c>
      <c r="H13" s="130">
        <v>152077</v>
      </c>
      <c r="I13" s="130">
        <v>77160</v>
      </c>
      <c r="J13" s="130">
        <v>74917</v>
      </c>
      <c r="K13" s="137">
        <v>87742</v>
      </c>
    </row>
    <row r="14" spans="1:22" ht="10.5" customHeight="1">
      <c r="A14" s="60"/>
      <c r="B14" s="115" t="s">
        <v>84</v>
      </c>
      <c r="C14" s="49"/>
      <c r="D14" s="130">
        <v>198922</v>
      </c>
      <c r="E14" s="130">
        <v>99243</v>
      </c>
      <c r="F14" s="130">
        <v>99679</v>
      </c>
      <c r="G14" s="130">
        <v>107957</v>
      </c>
      <c r="H14" s="130">
        <v>198935</v>
      </c>
      <c r="I14" s="130">
        <v>99236</v>
      </c>
      <c r="J14" s="130">
        <v>99699</v>
      </c>
      <c r="K14" s="137">
        <v>108022</v>
      </c>
    </row>
    <row r="15" spans="1:22" ht="10.5" customHeight="1">
      <c r="A15" s="60"/>
      <c r="B15" s="115" t="s">
        <v>85</v>
      </c>
      <c r="C15" s="49"/>
      <c r="D15" s="130">
        <v>213653</v>
      </c>
      <c r="E15" s="130">
        <v>103740</v>
      </c>
      <c r="F15" s="130">
        <v>109913</v>
      </c>
      <c r="G15" s="130">
        <v>97459</v>
      </c>
      <c r="H15" s="130">
        <v>213525</v>
      </c>
      <c r="I15" s="130">
        <v>103680</v>
      </c>
      <c r="J15" s="130">
        <v>109845</v>
      </c>
      <c r="K15" s="137">
        <v>97413</v>
      </c>
    </row>
    <row r="16" spans="1:22" ht="10.5" customHeight="1">
      <c r="A16" s="60"/>
      <c r="B16" s="115" t="s">
        <v>86</v>
      </c>
      <c r="C16" s="49"/>
      <c r="D16" s="130">
        <v>205838</v>
      </c>
      <c r="E16" s="130">
        <v>100854</v>
      </c>
      <c r="F16" s="130">
        <v>104984</v>
      </c>
      <c r="G16" s="130">
        <v>101108</v>
      </c>
      <c r="H16" s="130">
        <v>205815</v>
      </c>
      <c r="I16" s="130">
        <v>100801</v>
      </c>
      <c r="J16" s="130">
        <v>105014</v>
      </c>
      <c r="K16" s="137">
        <v>101117</v>
      </c>
    </row>
    <row r="17" spans="1:11" ht="10.5" customHeight="1">
      <c r="A17" s="60"/>
      <c r="B17" s="115" t="s">
        <v>87</v>
      </c>
      <c r="C17" s="49"/>
      <c r="D17" s="130">
        <v>241622</v>
      </c>
      <c r="E17" s="130">
        <v>116191</v>
      </c>
      <c r="F17" s="130">
        <v>125431</v>
      </c>
      <c r="G17" s="130">
        <v>108398</v>
      </c>
      <c r="H17" s="130">
        <v>241489</v>
      </c>
      <c r="I17" s="130">
        <v>116140</v>
      </c>
      <c r="J17" s="130">
        <v>125349</v>
      </c>
      <c r="K17" s="137">
        <v>108392</v>
      </c>
    </row>
    <row r="18" spans="1:11" ht="10.5" customHeight="1">
      <c r="A18" s="60"/>
      <c r="B18" s="115" t="s">
        <v>88</v>
      </c>
      <c r="C18" s="49"/>
      <c r="D18" s="130">
        <v>165155</v>
      </c>
      <c r="E18" s="130">
        <v>81177</v>
      </c>
      <c r="F18" s="130">
        <v>83978</v>
      </c>
      <c r="G18" s="130">
        <v>79951</v>
      </c>
      <c r="H18" s="130">
        <v>165109</v>
      </c>
      <c r="I18" s="130">
        <v>81130</v>
      </c>
      <c r="J18" s="130">
        <v>83979</v>
      </c>
      <c r="K18" s="137">
        <v>79943</v>
      </c>
    </row>
    <row r="19" spans="1:11" ht="10.5" customHeight="1">
      <c r="A19" s="60"/>
      <c r="B19" s="115" t="s">
        <v>89</v>
      </c>
      <c r="C19" s="49"/>
      <c r="D19" s="130">
        <v>195051</v>
      </c>
      <c r="E19" s="130">
        <v>94527</v>
      </c>
      <c r="F19" s="130">
        <v>100524</v>
      </c>
      <c r="G19" s="130">
        <v>90917</v>
      </c>
      <c r="H19" s="130">
        <v>194669</v>
      </c>
      <c r="I19" s="130">
        <v>94387</v>
      </c>
      <c r="J19" s="130">
        <v>100282</v>
      </c>
      <c r="K19" s="137">
        <v>90651</v>
      </c>
    </row>
    <row r="20" spans="1:11" ht="10.5" customHeight="1">
      <c r="A20" s="60"/>
      <c r="B20" s="115" t="s">
        <v>90</v>
      </c>
      <c r="C20" s="49"/>
      <c r="D20" s="130">
        <v>363037</v>
      </c>
      <c r="E20" s="130">
        <v>180822</v>
      </c>
      <c r="F20" s="130">
        <v>182215</v>
      </c>
      <c r="G20" s="130">
        <v>181161</v>
      </c>
      <c r="H20" s="130">
        <v>363013</v>
      </c>
      <c r="I20" s="130">
        <v>180842</v>
      </c>
      <c r="J20" s="130">
        <v>182171</v>
      </c>
      <c r="K20" s="137">
        <v>181217</v>
      </c>
    </row>
    <row r="21" spans="1:11" ht="10.5" customHeight="1">
      <c r="A21" s="60"/>
      <c r="B21" s="115" t="s">
        <v>91</v>
      </c>
      <c r="C21" s="49"/>
      <c r="D21" s="130">
        <v>182910</v>
      </c>
      <c r="E21" s="130">
        <v>89802</v>
      </c>
      <c r="F21" s="130">
        <v>93108</v>
      </c>
      <c r="G21" s="130">
        <v>81651</v>
      </c>
      <c r="H21" s="130">
        <v>182860</v>
      </c>
      <c r="I21" s="130">
        <v>89818</v>
      </c>
      <c r="J21" s="130">
        <v>93042</v>
      </c>
      <c r="K21" s="137">
        <v>81660</v>
      </c>
    </row>
    <row r="22" spans="1:11" ht="10.5" customHeight="1">
      <c r="A22" s="60"/>
      <c r="B22" s="115" t="s">
        <v>92</v>
      </c>
      <c r="C22" s="49"/>
      <c r="D22" s="130">
        <v>309370</v>
      </c>
      <c r="E22" s="130">
        <v>148978</v>
      </c>
      <c r="F22" s="130">
        <v>160392</v>
      </c>
      <c r="G22" s="130">
        <v>135948</v>
      </c>
      <c r="H22" s="130">
        <v>309246</v>
      </c>
      <c r="I22" s="130">
        <v>148945</v>
      </c>
      <c r="J22" s="130">
        <v>160301</v>
      </c>
      <c r="K22" s="137">
        <v>135964</v>
      </c>
    </row>
    <row r="23" spans="1:11" ht="10.5" customHeight="1">
      <c r="A23" s="60"/>
      <c r="B23" s="115" t="s">
        <v>93</v>
      </c>
      <c r="C23" s="49"/>
      <c r="D23" s="130">
        <v>215395</v>
      </c>
      <c r="E23" s="130">
        <v>105310</v>
      </c>
      <c r="F23" s="130">
        <v>110085</v>
      </c>
      <c r="G23" s="130">
        <v>88384</v>
      </c>
      <c r="H23" s="130">
        <v>215323</v>
      </c>
      <c r="I23" s="130">
        <v>105266</v>
      </c>
      <c r="J23" s="130">
        <v>110057</v>
      </c>
      <c r="K23" s="137">
        <v>88412</v>
      </c>
    </row>
    <row r="24" spans="1:11" ht="10.5" customHeight="1">
      <c r="A24" s="60"/>
      <c r="B24" s="115" t="s">
        <v>94</v>
      </c>
      <c r="C24" s="49"/>
      <c r="D24" s="130">
        <v>283186</v>
      </c>
      <c r="E24" s="130">
        <v>137834</v>
      </c>
      <c r="F24" s="130">
        <v>145352</v>
      </c>
      <c r="G24" s="130">
        <v>125402</v>
      </c>
      <c r="H24" s="130">
        <v>283005</v>
      </c>
      <c r="I24" s="130">
        <v>137759</v>
      </c>
      <c r="J24" s="130">
        <v>145246</v>
      </c>
      <c r="K24" s="137">
        <v>125385</v>
      </c>
    </row>
    <row r="25" spans="1:11" ht="10.5" customHeight="1">
      <c r="A25" s="60"/>
      <c r="B25" s="115" t="s">
        <v>95</v>
      </c>
      <c r="C25" s="49"/>
      <c r="D25" s="130">
        <v>120885</v>
      </c>
      <c r="E25" s="130">
        <v>58610</v>
      </c>
      <c r="F25" s="130">
        <v>62275</v>
      </c>
      <c r="G25" s="130">
        <v>54417</v>
      </c>
      <c r="H25" s="130">
        <v>120854</v>
      </c>
      <c r="I25" s="130">
        <v>58598</v>
      </c>
      <c r="J25" s="130">
        <v>62256</v>
      </c>
      <c r="K25" s="137">
        <v>54418</v>
      </c>
    </row>
    <row r="26" spans="1:11" ht="10.5" customHeight="1">
      <c r="A26" s="60"/>
      <c r="B26" s="115" t="s">
        <v>96</v>
      </c>
      <c r="C26" s="49"/>
      <c r="D26" s="130">
        <v>150739</v>
      </c>
      <c r="E26" s="130">
        <v>72818</v>
      </c>
      <c r="F26" s="130">
        <v>77921</v>
      </c>
      <c r="G26" s="130">
        <v>64159</v>
      </c>
      <c r="H26" s="130">
        <v>150672</v>
      </c>
      <c r="I26" s="130">
        <v>72778</v>
      </c>
      <c r="J26" s="130">
        <v>77894</v>
      </c>
      <c r="K26" s="137">
        <v>64171</v>
      </c>
    </row>
    <row r="27" spans="1:11" ht="10.5" customHeight="1">
      <c r="A27" s="60"/>
      <c r="B27" s="115" t="s">
        <v>97</v>
      </c>
      <c r="C27" s="49"/>
      <c r="D27" s="130">
        <v>121523</v>
      </c>
      <c r="E27" s="130">
        <v>58601</v>
      </c>
      <c r="F27" s="130">
        <v>62922</v>
      </c>
      <c r="G27" s="130">
        <v>54047</v>
      </c>
      <c r="H27" s="130">
        <v>121525</v>
      </c>
      <c r="I27" s="130">
        <v>58614</v>
      </c>
      <c r="J27" s="130">
        <v>62911</v>
      </c>
      <c r="K27" s="137">
        <v>54114</v>
      </c>
    </row>
    <row r="28" spans="1:11" ht="10.5" customHeight="1">
      <c r="A28" s="125"/>
      <c r="B28" s="126" t="s">
        <v>98</v>
      </c>
      <c r="C28" s="40"/>
      <c r="D28" s="127">
        <v>1546008</v>
      </c>
      <c r="E28" s="127">
        <v>777944</v>
      </c>
      <c r="F28" s="127">
        <v>768064</v>
      </c>
      <c r="G28" s="127">
        <v>772948</v>
      </c>
      <c r="H28" s="127">
        <v>1545942</v>
      </c>
      <c r="I28" s="127">
        <v>777838</v>
      </c>
      <c r="J28" s="127">
        <v>768104</v>
      </c>
      <c r="K28" s="136">
        <v>773050</v>
      </c>
    </row>
    <row r="29" spans="1:11" ht="10.5" customHeight="1">
      <c r="A29" s="60"/>
      <c r="B29" s="115" t="s">
        <v>99</v>
      </c>
      <c r="C29" s="49"/>
      <c r="D29" s="130">
        <v>231076</v>
      </c>
      <c r="E29" s="130">
        <v>124362</v>
      </c>
      <c r="F29" s="130">
        <v>106714</v>
      </c>
      <c r="G29" s="130">
        <v>126308</v>
      </c>
      <c r="H29" s="130">
        <v>231025</v>
      </c>
      <c r="I29" s="130">
        <v>124344</v>
      </c>
      <c r="J29" s="130">
        <v>106681</v>
      </c>
      <c r="K29" s="137">
        <v>126325</v>
      </c>
    </row>
    <row r="30" spans="1:11" ht="10.5" customHeight="1">
      <c r="A30" s="60"/>
      <c r="B30" s="115" t="s">
        <v>100</v>
      </c>
      <c r="C30" s="49"/>
      <c r="D30" s="130">
        <v>172078</v>
      </c>
      <c r="E30" s="130">
        <v>86982</v>
      </c>
      <c r="F30" s="130">
        <v>85096</v>
      </c>
      <c r="G30" s="130">
        <v>82303</v>
      </c>
      <c r="H30" s="130">
        <v>172169</v>
      </c>
      <c r="I30" s="130">
        <v>87031</v>
      </c>
      <c r="J30" s="130">
        <v>85138</v>
      </c>
      <c r="K30" s="137">
        <v>82387</v>
      </c>
    </row>
    <row r="31" spans="1:11" ht="10.5" customHeight="1">
      <c r="A31" s="60"/>
      <c r="B31" s="115" t="s">
        <v>101</v>
      </c>
      <c r="C31" s="49"/>
      <c r="D31" s="130">
        <v>266718</v>
      </c>
      <c r="E31" s="130">
        <v>134786</v>
      </c>
      <c r="F31" s="130">
        <v>131932</v>
      </c>
      <c r="G31" s="130">
        <v>139674</v>
      </c>
      <c r="H31" s="130">
        <v>266770</v>
      </c>
      <c r="I31" s="130">
        <v>134750</v>
      </c>
      <c r="J31" s="130">
        <v>132020</v>
      </c>
      <c r="K31" s="137">
        <v>139654</v>
      </c>
    </row>
    <row r="32" spans="1:11" ht="10.5" customHeight="1">
      <c r="A32" s="60"/>
      <c r="B32" s="115" t="s">
        <v>102</v>
      </c>
      <c r="C32" s="49"/>
      <c r="D32" s="130">
        <v>234968</v>
      </c>
      <c r="E32" s="130">
        <v>116310</v>
      </c>
      <c r="F32" s="130">
        <v>118658</v>
      </c>
      <c r="G32" s="130">
        <v>117549</v>
      </c>
      <c r="H32" s="130">
        <v>234871</v>
      </c>
      <c r="I32" s="130">
        <v>116238</v>
      </c>
      <c r="J32" s="130">
        <v>118633</v>
      </c>
      <c r="K32" s="137">
        <v>117491</v>
      </c>
    </row>
    <row r="33" spans="1:11" ht="10.5" customHeight="1">
      <c r="A33" s="60"/>
      <c r="B33" s="115" t="s">
        <v>103</v>
      </c>
      <c r="C33" s="49"/>
      <c r="D33" s="130">
        <v>235114</v>
      </c>
      <c r="E33" s="130">
        <v>113680</v>
      </c>
      <c r="F33" s="130">
        <v>121434</v>
      </c>
      <c r="G33" s="130">
        <v>106113</v>
      </c>
      <c r="H33" s="130">
        <v>235145</v>
      </c>
      <c r="I33" s="130">
        <v>113677</v>
      </c>
      <c r="J33" s="130">
        <v>121468</v>
      </c>
      <c r="K33" s="137">
        <v>106174</v>
      </c>
    </row>
    <row r="34" spans="1:11" ht="10.5" customHeight="1">
      <c r="A34" s="60"/>
      <c r="B34" s="115" t="s">
        <v>104</v>
      </c>
      <c r="C34" s="49"/>
      <c r="D34" s="130">
        <v>225357</v>
      </c>
      <c r="E34" s="130">
        <v>114683</v>
      </c>
      <c r="F34" s="130">
        <v>110674</v>
      </c>
      <c r="G34" s="130">
        <v>119105</v>
      </c>
      <c r="H34" s="130">
        <v>225363</v>
      </c>
      <c r="I34" s="130">
        <v>114716</v>
      </c>
      <c r="J34" s="130">
        <v>110647</v>
      </c>
      <c r="K34" s="137">
        <v>119117</v>
      </c>
    </row>
    <row r="35" spans="1:11" ht="10.5" customHeight="1">
      <c r="A35" s="60"/>
      <c r="B35" s="115" t="s">
        <v>105</v>
      </c>
      <c r="C35" s="49"/>
      <c r="D35" s="130">
        <v>180697</v>
      </c>
      <c r="E35" s="130">
        <v>87141</v>
      </c>
      <c r="F35" s="130">
        <v>93556</v>
      </c>
      <c r="G35" s="130">
        <v>81896</v>
      </c>
      <c r="H35" s="130">
        <v>180599</v>
      </c>
      <c r="I35" s="130">
        <v>87082</v>
      </c>
      <c r="J35" s="130">
        <v>93517</v>
      </c>
      <c r="K35" s="137">
        <v>81902</v>
      </c>
    </row>
    <row r="36" spans="1:11" ht="10.5" customHeight="1">
      <c r="A36" s="125"/>
      <c r="B36" s="126" t="s">
        <v>106</v>
      </c>
      <c r="C36" s="40"/>
      <c r="D36" s="127">
        <v>725110</v>
      </c>
      <c r="E36" s="127">
        <v>361071</v>
      </c>
      <c r="F36" s="127">
        <v>364039</v>
      </c>
      <c r="G36" s="127">
        <v>345084</v>
      </c>
      <c r="H36" s="127">
        <v>724987</v>
      </c>
      <c r="I36" s="127">
        <v>361009</v>
      </c>
      <c r="J36" s="127">
        <v>363978</v>
      </c>
      <c r="K36" s="136">
        <v>345237</v>
      </c>
    </row>
    <row r="37" spans="1:11" ht="10.5" customHeight="1">
      <c r="A37" s="60"/>
      <c r="B37" s="115" t="s">
        <v>91</v>
      </c>
      <c r="C37" s="49"/>
      <c r="D37" s="130">
        <v>167589</v>
      </c>
      <c r="E37" s="130">
        <v>84183</v>
      </c>
      <c r="F37" s="130">
        <v>83406</v>
      </c>
      <c r="G37" s="130">
        <v>76929</v>
      </c>
      <c r="H37" s="130">
        <v>167451</v>
      </c>
      <c r="I37" s="130">
        <v>84092</v>
      </c>
      <c r="J37" s="130">
        <v>83359</v>
      </c>
      <c r="K37" s="137">
        <v>76882</v>
      </c>
    </row>
    <row r="38" spans="1:11" ht="10.5" customHeight="1">
      <c r="A38" s="60"/>
      <c r="B38" s="115" t="s">
        <v>107</v>
      </c>
      <c r="C38" s="49"/>
      <c r="D38" s="130">
        <v>274404</v>
      </c>
      <c r="E38" s="130">
        <v>137047</v>
      </c>
      <c r="F38" s="130">
        <v>137357</v>
      </c>
      <c r="G38" s="130">
        <v>129985</v>
      </c>
      <c r="H38" s="130">
        <v>274480</v>
      </c>
      <c r="I38" s="130">
        <v>137068</v>
      </c>
      <c r="J38" s="130">
        <v>137412</v>
      </c>
      <c r="K38" s="137">
        <v>130115</v>
      </c>
    </row>
    <row r="39" spans="1:11" ht="10.5" customHeight="1">
      <c r="A39" s="60"/>
      <c r="B39" s="115" t="s">
        <v>84</v>
      </c>
      <c r="C39" s="49"/>
      <c r="D39" s="130">
        <v>283117</v>
      </c>
      <c r="E39" s="130">
        <v>139841</v>
      </c>
      <c r="F39" s="130">
        <v>143276</v>
      </c>
      <c r="G39" s="130">
        <v>138170</v>
      </c>
      <c r="H39" s="130">
        <v>283056</v>
      </c>
      <c r="I39" s="130">
        <v>139849</v>
      </c>
      <c r="J39" s="130">
        <v>143207</v>
      </c>
      <c r="K39" s="137">
        <v>138240</v>
      </c>
    </row>
    <row r="40" spans="1:11" ht="10.5" customHeight="1">
      <c r="A40" s="9"/>
      <c r="B40" s="115" t="s">
        <v>108</v>
      </c>
      <c r="C40" s="49"/>
      <c r="D40" s="130">
        <v>375176</v>
      </c>
      <c r="E40" s="130">
        <v>186731</v>
      </c>
      <c r="F40" s="130">
        <v>188445</v>
      </c>
      <c r="G40" s="130">
        <v>166120</v>
      </c>
      <c r="H40" s="130">
        <v>374800</v>
      </c>
      <c r="I40" s="130">
        <v>186516</v>
      </c>
      <c r="J40" s="130">
        <v>188284</v>
      </c>
      <c r="K40" s="137">
        <v>166087</v>
      </c>
    </row>
    <row r="41" spans="1:11" ht="10.5" customHeight="1">
      <c r="A41" s="9"/>
      <c r="B41" s="115" t="s">
        <v>109</v>
      </c>
      <c r="C41" s="49"/>
      <c r="D41" s="130">
        <v>258442</v>
      </c>
      <c r="E41" s="130">
        <v>128933</v>
      </c>
      <c r="F41" s="130">
        <v>129509</v>
      </c>
      <c r="G41" s="130">
        <v>116797</v>
      </c>
      <c r="H41" s="130">
        <v>258489</v>
      </c>
      <c r="I41" s="130">
        <v>128943</v>
      </c>
      <c r="J41" s="130">
        <v>129546</v>
      </c>
      <c r="K41" s="137">
        <v>116900</v>
      </c>
    </row>
    <row r="42" spans="1:11" ht="10.5" customHeight="1">
      <c r="A42" s="9"/>
      <c r="B42" s="115" t="s">
        <v>110</v>
      </c>
      <c r="C42" s="49"/>
      <c r="D42" s="130">
        <v>171517</v>
      </c>
      <c r="E42" s="130">
        <v>80490</v>
      </c>
      <c r="F42" s="130">
        <v>91027</v>
      </c>
      <c r="G42" s="130">
        <v>77149</v>
      </c>
      <c r="H42" s="130">
        <v>171425</v>
      </c>
      <c r="I42" s="130">
        <v>80441</v>
      </c>
      <c r="J42" s="130">
        <v>90984</v>
      </c>
      <c r="K42" s="137">
        <v>77110</v>
      </c>
    </row>
    <row r="43" spans="1:11" ht="10.5" customHeight="1">
      <c r="A43" s="9"/>
      <c r="B43" s="115" t="s">
        <v>111</v>
      </c>
      <c r="C43" s="49"/>
      <c r="D43" s="130">
        <v>444092</v>
      </c>
      <c r="E43" s="130">
        <v>219068</v>
      </c>
      <c r="F43" s="130">
        <v>225024</v>
      </c>
      <c r="G43" s="130">
        <v>202115</v>
      </c>
      <c r="H43" s="130">
        <v>443795</v>
      </c>
      <c r="I43" s="130">
        <v>218916</v>
      </c>
      <c r="J43" s="130">
        <v>224879</v>
      </c>
      <c r="K43" s="137">
        <v>202078</v>
      </c>
    </row>
    <row r="44" spans="1:11" ht="10.5" customHeight="1">
      <c r="A44" s="9"/>
      <c r="B44" s="115" t="s">
        <v>112</v>
      </c>
      <c r="C44" s="49"/>
      <c r="D44" s="130">
        <v>186323</v>
      </c>
      <c r="E44" s="130">
        <v>90064</v>
      </c>
      <c r="F44" s="130">
        <v>96259</v>
      </c>
      <c r="G44" s="130">
        <v>84521</v>
      </c>
      <c r="H44" s="130">
        <v>186292</v>
      </c>
      <c r="I44" s="130">
        <v>90043</v>
      </c>
      <c r="J44" s="130">
        <v>96249</v>
      </c>
      <c r="K44" s="137">
        <v>84604</v>
      </c>
    </row>
    <row r="45" spans="1:11" ht="10.5" customHeight="1">
      <c r="A45" s="9"/>
      <c r="B45" s="115" t="s">
        <v>113</v>
      </c>
      <c r="C45" s="49"/>
      <c r="D45" s="130">
        <v>245569</v>
      </c>
      <c r="E45" s="130">
        <v>118924</v>
      </c>
      <c r="F45" s="130">
        <v>126645</v>
      </c>
      <c r="G45" s="130">
        <v>107363</v>
      </c>
      <c r="H45" s="130">
        <v>245604</v>
      </c>
      <c r="I45" s="130">
        <v>118935</v>
      </c>
      <c r="J45" s="130">
        <v>126669</v>
      </c>
      <c r="K45" s="137">
        <v>107372</v>
      </c>
    </row>
    <row r="46" spans="1:11" ht="10.5" customHeight="1">
      <c r="A46" s="9"/>
      <c r="B46" s="115" t="s">
        <v>114</v>
      </c>
      <c r="C46" s="49"/>
      <c r="D46" s="130">
        <v>55993</v>
      </c>
      <c r="E46" s="130">
        <v>26139</v>
      </c>
      <c r="F46" s="130">
        <v>29854</v>
      </c>
      <c r="G46" s="130">
        <v>25086</v>
      </c>
      <c r="H46" s="130">
        <v>55999</v>
      </c>
      <c r="I46" s="130">
        <v>26134</v>
      </c>
      <c r="J46" s="130">
        <v>29865</v>
      </c>
      <c r="K46" s="137">
        <v>25100</v>
      </c>
    </row>
    <row r="47" spans="1:11" ht="10.5" customHeight="1">
      <c r="A47" s="9"/>
      <c r="B47" s="115" t="s">
        <v>115</v>
      </c>
      <c r="C47" s="49"/>
      <c r="D47" s="130">
        <v>40245</v>
      </c>
      <c r="E47" s="130">
        <v>19208</v>
      </c>
      <c r="F47" s="130">
        <v>21037</v>
      </c>
      <c r="G47" s="130">
        <v>17160</v>
      </c>
      <c r="H47" s="130">
        <v>40218</v>
      </c>
      <c r="I47" s="130">
        <v>19213</v>
      </c>
      <c r="J47" s="130">
        <v>21005</v>
      </c>
      <c r="K47" s="137">
        <v>17170</v>
      </c>
    </row>
    <row r="48" spans="1:11" ht="10.5" customHeight="1">
      <c r="A48" s="9"/>
      <c r="B48" s="115" t="s">
        <v>116</v>
      </c>
      <c r="C48" s="49"/>
      <c r="D48" s="130">
        <v>161258</v>
      </c>
      <c r="E48" s="130">
        <v>81464</v>
      </c>
      <c r="F48" s="130">
        <v>79794</v>
      </c>
      <c r="G48" s="130">
        <v>72937</v>
      </c>
      <c r="H48" s="130">
        <v>161226</v>
      </c>
      <c r="I48" s="130">
        <v>81416</v>
      </c>
      <c r="J48" s="130">
        <v>79810</v>
      </c>
      <c r="K48" s="137">
        <v>72961</v>
      </c>
    </row>
    <row r="49" spans="1:11" ht="10.5" customHeight="1">
      <c r="A49" s="9"/>
      <c r="B49" s="115" t="s">
        <v>117</v>
      </c>
      <c r="C49" s="49"/>
      <c r="D49" s="130">
        <v>224098</v>
      </c>
      <c r="E49" s="130">
        <v>115445</v>
      </c>
      <c r="F49" s="130">
        <v>108653</v>
      </c>
      <c r="G49" s="130">
        <v>105039</v>
      </c>
      <c r="H49" s="130">
        <v>224102</v>
      </c>
      <c r="I49" s="130">
        <v>115441</v>
      </c>
      <c r="J49" s="130">
        <v>108661</v>
      </c>
      <c r="K49" s="137">
        <v>105138</v>
      </c>
    </row>
    <row r="50" spans="1:11" ht="10.5" customHeight="1">
      <c r="A50" s="9"/>
      <c r="B50" s="115" t="s">
        <v>118</v>
      </c>
      <c r="C50" s="49"/>
      <c r="D50" s="130">
        <v>243308</v>
      </c>
      <c r="E50" s="130">
        <v>121254</v>
      </c>
      <c r="F50" s="130">
        <v>122054</v>
      </c>
      <c r="G50" s="130">
        <v>115289</v>
      </c>
      <c r="H50" s="130">
        <v>243412</v>
      </c>
      <c r="I50" s="130">
        <v>121286</v>
      </c>
      <c r="J50" s="130">
        <v>122126</v>
      </c>
      <c r="K50" s="137">
        <v>115444</v>
      </c>
    </row>
    <row r="51" spans="1:11" ht="10.5" customHeight="1">
      <c r="A51" s="9"/>
      <c r="B51" s="115" t="s">
        <v>119</v>
      </c>
      <c r="C51" s="49"/>
      <c r="D51" s="130">
        <v>101490</v>
      </c>
      <c r="E51" s="130">
        <v>51354</v>
      </c>
      <c r="F51" s="130">
        <v>50136</v>
      </c>
      <c r="G51" s="130">
        <v>47118</v>
      </c>
      <c r="H51" s="130">
        <v>101495</v>
      </c>
      <c r="I51" s="130">
        <v>51343</v>
      </c>
      <c r="J51" s="130">
        <v>50152</v>
      </c>
      <c r="K51" s="137">
        <v>47141</v>
      </c>
    </row>
    <row r="52" spans="1:11" ht="10.5" customHeight="1">
      <c r="A52" s="9"/>
      <c r="B52" s="115" t="s">
        <v>120</v>
      </c>
      <c r="C52" s="49"/>
      <c r="D52" s="130">
        <v>140186</v>
      </c>
      <c r="E52" s="130">
        <v>70405</v>
      </c>
      <c r="F52" s="130">
        <v>69781</v>
      </c>
      <c r="G52" s="130">
        <v>61968</v>
      </c>
      <c r="H52" s="130">
        <v>140189</v>
      </c>
      <c r="I52" s="130">
        <v>70385</v>
      </c>
      <c r="J52" s="130">
        <v>69804</v>
      </c>
      <c r="K52" s="137">
        <v>62020</v>
      </c>
    </row>
    <row r="53" spans="1:11" ht="10.5" customHeight="1">
      <c r="A53" s="9"/>
      <c r="B53" s="115" t="s">
        <v>121</v>
      </c>
      <c r="C53" s="49"/>
      <c r="D53" s="130">
        <v>132013</v>
      </c>
      <c r="E53" s="130">
        <v>65565</v>
      </c>
      <c r="F53" s="130">
        <v>66448</v>
      </c>
      <c r="G53" s="130">
        <v>62035</v>
      </c>
      <c r="H53" s="130">
        <v>131913</v>
      </c>
      <c r="I53" s="130">
        <v>65507</v>
      </c>
      <c r="J53" s="130">
        <v>66406</v>
      </c>
      <c r="K53" s="137">
        <v>62053</v>
      </c>
    </row>
    <row r="54" spans="1:11" ht="10.5" customHeight="1">
      <c r="A54" s="9"/>
      <c r="B54" s="115" t="s">
        <v>122</v>
      </c>
      <c r="C54" s="49"/>
      <c r="D54" s="130">
        <v>39781</v>
      </c>
      <c r="E54" s="130">
        <v>19421</v>
      </c>
      <c r="F54" s="130">
        <v>20360</v>
      </c>
      <c r="G54" s="130">
        <v>16627</v>
      </c>
      <c r="H54" s="130">
        <v>39759</v>
      </c>
      <c r="I54" s="130">
        <v>19412</v>
      </c>
      <c r="J54" s="130">
        <v>20347</v>
      </c>
      <c r="K54" s="137">
        <v>16639</v>
      </c>
    </row>
    <row r="55" spans="1:11" ht="10.5" customHeight="1">
      <c r="A55" s="9"/>
      <c r="B55" s="115" t="s">
        <v>123</v>
      </c>
      <c r="C55" s="49"/>
      <c r="D55" s="130">
        <v>82928</v>
      </c>
      <c r="E55" s="130">
        <v>41849</v>
      </c>
      <c r="F55" s="130">
        <v>41079</v>
      </c>
      <c r="G55" s="130">
        <v>35584</v>
      </c>
      <c r="H55" s="130">
        <v>83017</v>
      </c>
      <c r="I55" s="130">
        <v>41895</v>
      </c>
      <c r="J55" s="130">
        <v>41122</v>
      </c>
      <c r="K55" s="137">
        <v>35672</v>
      </c>
    </row>
    <row r="56" spans="1:11" ht="10.5" customHeight="1">
      <c r="A56" s="9"/>
      <c r="B56" s="115" t="s">
        <v>124</v>
      </c>
      <c r="C56" s="49"/>
      <c r="D56" s="130">
        <v>31060</v>
      </c>
      <c r="E56" s="130">
        <v>14590</v>
      </c>
      <c r="F56" s="130">
        <v>16470</v>
      </c>
      <c r="G56" s="130">
        <v>13078</v>
      </c>
      <c r="H56" s="130">
        <v>31064</v>
      </c>
      <c r="I56" s="130">
        <v>14590</v>
      </c>
      <c r="J56" s="130">
        <v>16474</v>
      </c>
      <c r="K56" s="137">
        <v>13079</v>
      </c>
    </row>
    <row r="57" spans="1:11" ht="10.5" customHeight="1">
      <c r="A57" s="9"/>
      <c r="B57" s="115" t="s">
        <v>125</v>
      </c>
      <c r="C57" s="49"/>
      <c r="D57" s="130">
        <v>48614</v>
      </c>
      <c r="E57" s="130">
        <v>24650</v>
      </c>
      <c r="F57" s="130">
        <v>23964</v>
      </c>
      <c r="G57" s="130">
        <v>20670</v>
      </c>
      <c r="H57" s="130">
        <v>48637</v>
      </c>
      <c r="I57" s="130">
        <v>24659</v>
      </c>
      <c r="J57" s="130">
        <v>23978</v>
      </c>
      <c r="K57" s="137">
        <v>20701</v>
      </c>
    </row>
    <row r="58" spans="1:11" ht="10.5" customHeight="1">
      <c r="A58" s="125"/>
      <c r="B58" s="126" t="s">
        <v>126</v>
      </c>
      <c r="C58" s="40"/>
      <c r="D58" s="127">
        <v>58061</v>
      </c>
      <c r="E58" s="127">
        <v>28044</v>
      </c>
      <c r="F58" s="127">
        <v>30017</v>
      </c>
      <c r="G58" s="127">
        <v>24743</v>
      </c>
      <c r="H58" s="127">
        <v>58015</v>
      </c>
      <c r="I58" s="127">
        <v>28010</v>
      </c>
      <c r="J58" s="127">
        <v>30005</v>
      </c>
      <c r="K58" s="136">
        <v>24731</v>
      </c>
    </row>
    <row r="59" spans="1:11" ht="10.5" customHeight="1">
      <c r="A59" s="60"/>
      <c r="B59" s="115" t="s">
        <v>127</v>
      </c>
      <c r="C59" s="49"/>
      <c r="D59" s="130">
        <v>31110</v>
      </c>
      <c r="E59" s="130">
        <v>15124</v>
      </c>
      <c r="F59" s="130">
        <v>15986</v>
      </c>
      <c r="G59" s="130">
        <v>12966</v>
      </c>
      <c r="H59" s="130">
        <v>31065</v>
      </c>
      <c r="I59" s="130">
        <v>15110</v>
      </c>
      <c r="J59" s="130">
        <v>15955</v>
      </c>
      <c r="K59" s="137">
        <v>12953</v>
      </c>
    </row>
    <row r="60" spans="1:11" ht="10.5" customHeight="1">
      <c r="A60" s="60"/>
      <c r="B60" s="115" t="s">
        <v>128</v>
      </c>
      <c r="C60" s="49"/>
      <c r="D60" s="130">
        <v>26951</v>
      </c>
      <c r="E60" s="130">
        <v>12920</v>
      </c>
      <c r="F60" s="130">
        <v>14031</v>
      </c>
      <c r="G60" s="130">
        <v>11777</v>
      </c>
      <c r="H60" s="130">
        <v>26950</v>
      </c>
      <c r="I60" s="130">
        <v>12900</v>
      </c>
      <c r="J60" s="130">
        <v>14050</v>
      </c>
      <c r="K60" s="137">
        <v>11778</v>
      </c>
    </row>
    <row r="61" spans="1:11" ht="10.5" customHeight="1">
      <c r="A61" s="125"/>
      <c r="B61" s="126" t="s">
        <v>129</v>
      </c>
      <c r="C61" s="40"/>
      <c r="D61" s="127">
        <v>64717</v>
      </c>
      <c r="E61" s="127">
        <v>31816</v>
      </c>
      <c r="F61" s="127">
        <v>32901</v>
      </c>
      <c r="G61" s="127">
        <v>26395</v>
      </c>
      <c r="H61" s="127">
        <v>64628</v>
      </c>
      <c r="I61" s="127">
        <v>31786</v>
      </c>
      <c r="J61" s="127">
        <v>32842</v>
      </c>
      <c r="K61" s="136">
        <v>26352</v>
      </c>
    </row>
    <row r="62" spans="1:11" ht="10.5" customHeight="1">
      <c r="A62" s="60"/>
      <c r="B62" s="115" t="s">
        <v>130</v>
      </c>
      <c r="C62" s="49"/>
      <c r="D62" s="130">
        <v>8967</v>
      </c>
      <c r="E62" s="130">
        <v>4469</v>
      </c>
      <c r="F62" s="130">
        <v>4498</v>
      </c>
      <c r="G62" s="130">
        <v>3443</v>
      </c>
      <c r="H62" s="130">
        <v>8947</v>
      </c>
      <c r="I62" s="130">
        <v>4455</v>
      </c>
      <c r="J62" s="130">
        <v>4492</v>
      </c>
      <c r="K62" s="137">
        <v>3441</v>
      </c>
    </row>
    <row r="63" spans="1:11" ht="10.5" customHeight="1">
      <c r="A63" s="60"/>
      <c r="B63" s="115" t="s">
        <v>131</v>
      </c>
      <c r="C63" s="49"/>
      <c r="D63" s="130">
        <v>17329</v>
      </c>
      <c r="E63" s="130">
        <v>8498</v>
      </c>
      <c r="F63" s="130">
        <v>8831</v>
      </c>
      <c r="G63" s="130">
        <v>7100</v>
      </c>
      <c r="H63" s="130">
        <v>17339</v>
      </c>
      <c r="I63" s="130">
        <v>8499</v>
      </c>
      <c r="J63" s="130">
        <v>8840</v>
      </c>
      <c r="K63" s="137">
        <v>7109</v>
      </c>
    </row>
    <row r="64" spans="1:11" ht="10.5" customHeight="1">
      <c r="A64" s="60"/>
      <c r="B64" s="115" t="s">
        <v>132</v>
      </c>
      <c r="C64" s="49"/>
      <c r="D64" s="130">
        <v>10383</v>
      </c>
      <c r="E64" s="130">
        <v>5147</v>
      </c>
      <c r="F64" s="130">
        <v>5236</v>
      </c>
      <c r="G64" s="130">
        <v>4549</v>
      </c>
      <c r="H64" s="130">
        <v>10320</v>
      </c>
      <c r="I64" s="130">
        <v>5144</v>
      </c>
      <c r="J64" s="130">
        <v>5176</v>
      </c>
      <c r="K64" s="137">
        <v>4500</v>
      </c>
    </row>
    <row r="65" spans="1:11" ht="10.5" customHeight="1">
      <c r="A65" s="60"/>
      <c r="B65" s="115" t="s">
        <v>133</v>
      </c>
      <c r="C65" s="49"/>
      <c r="D65" s="130">
        <v>9235</v>
      </c>
      <c r="E65" s="130">
        <v>4575</v>
      </c>
      <c r="F65" s="130">
        <v>4660</v>
      </c>
      <c r="G65" s="130">
        <v>3941</v>
      </c>
      <c r="H65" s="130">
        <v>9213</v>
      </c>
      <c r="I65" s="130">
        <v>4564</v>
      </c>
      <c r="J65" s="130">
        <v>4649</v>
      </c>
      <c r="K65" s="137">
        <v>3940</v>
      </c>
    </row>
    <row r="66" spans="1:11" ht="10.5" customHeight="1">
      <c r="A66" s="60"/>
      <c r="B66" s="115" t="s">
        <v>134</v>
      </c>
      <c r="C66" s="49"/>
      <c r="D66" s="130">
        <v>18803</v>
      </c>
      <c r="E66" s="130">
        <v>9127</v>
      </c>
      <c r="F66" s="130">
        <v>9676</v>
      </c>
      <c r="G66" s="130">
        <v>7362</v>
      </c>
      <c r="H66" s="130">
        <v>18809</v>
      </c>
      <c r="I66" s="130">
        <v>9124</v>
      </c>
      <c r="J66" s="130">
        <v>9685</v>
      </c>
      <c r="K66" s="137">
        <v>7362</v>
      </c>
    </row>
    <row r="67" spans="1:11" ht="10.5" customHeight="1">
      <c r="A67" s="125"/>
      <c r="B67" s="126" t="s">
        <v>135</v>
      </c>
      <c r="C67" s="40"/>
      <c r="D67" s="127">
        <v>39697</v>
      </c>
      <c r="E67" s="127">
        <v>18550</v>
      </c>
      <c r="F67" s="127">
        <v>21147</v>
      </c>
      <c r="G67" s="127">
        <v>20100</v>
      </c>
      <c r="H67" s="127">
        <v>39641</v>
      </c>
      <c r="I67" s="127">
        <v>18540</v>
      </c>
      <c r="J67" s="127">
        <v>21101</v>
      </c>
      <c r="K67" s="136">
        <v>20087</v>
      </c>
    </row>
    <row r="68" spans="1:11" ht="10.5" customHeight="1">
      <c r="A68" s="60"/>
      <c r="B68" s="115" t="s">
        <v>136</v>
      </c>
      <c r="C68" s="49"/>
      <c r="D68" s="130">
        <v>10951</v>
      </c>
      <c r="E68" s="130">
        <v>5216</v>
      </c>
      <c r="F68" s="130">
        <v>5735</v>
      </c>
      <c r="G68" s="130">
        <v>6446</v>
      </c>
      <c r="H68" s="130">
        <v>10941</v>
      </c>
      <c r="I68" s="130">
        <v>5231</v>
      </c>
      <c r="J68" s="130">
        <v>5710</v>
      </c>
      <c r="K68" s="137">
        <v>6444</v>
      </c>
    </row>
    <row r="69" spans="1:11" ht="10.5" customHeight="1">
      <c r="A69" s="60"/>
      <c r="B69" s="115" t="s">
        <v>137</v>
      </c>
      <c r="C69" s="49"/>
      <c r="D69" s="130">
        <v>6331</v>
      </c>
      <c r="E69" s="130">
        <v>2934</v>
      </c>
      <c r="F69" s="130">
        <v>3397</v>
      </c>
      <c r="G69" s="130">
        <v>2911</v>
      </c>
      <c r="H69" s="130">
        <v>6310</v>
      </c>
      <c r="I69" s="130">
        <v>2923</v>
      </c>
      <c r="J69" s="130">
        <v>3387</v>
      </c>
      <c r="K69" s="137">
        <v>2908</v>
      </c>
    </row>
    <row r="70" spans="1:11" ht="10.5" customHeight="1">
      <c r="A70" s="60"/>
      <c r="B70" s="115" t="s">
        <v>138</v>
      </c>
      <c r="C70" s="49"/>
      <c r="D70" s="130">
        <v>22415</v>
      </c>
      <c r="E70" s="130">
        <v>10400</v>
      </c>
      <c r="F70" s="130">
        <v>12015</v>
      </c>
      <c r="G70" s="130">
        <v>10743</v>
      </c>
      <c r="H70" s="130">
        <v>22390</v>
      </c>
      <c r="I70" s="130">
        <v>10386</v>
      </c>
      <c r="J70" s="130">
        <v>12004</v>
      </c>
      <c r="K70" s="137">
        <v>10735</v>
      </c>
    </row>
    <row r="71" spans="1:11" ht="10.5" customHeight="1">
      <c r="A71" s="125"/>
      <c r="B71" s="126" t="s">
        <v>139</v>
      </c>
      <c r="C71" s="40"/>
      <c r="D71" s="127">
        <v>42268</v>
      </c>
      <c r="E71" s="127">
        <v>22086</v>
      </c>
      <c r="F71" s="127">
        <v>20182</v>
      </c>
      <c r="G71" s="127">
        <v>18815</v>
      </c>
      <c r="H71" s="127">
        <v>42213</v>
      </c>
      <c r="I71" s="127">
        <v>22058</v>
      </c>
      <c r="J71" s="127">
        <v>20155</v>
      </c>
      <c r="K71" s="136">
        <v>18799</v>
      </c>
    </row>
    <row r="72" spans="1:11" ht="10.5" customHeight="1">
      <c r="A72" s="60"/>
      <c r="B72" s="115" t="s">
        <v>140</v>
      </c>
      <c r="C72" s="49"/>
      <c r="D72" s="130">
        <v>39348</v>
      </c>
      <c r="E72" s="130">
        <v>20592</v>
      </c>
      <c r="F72" s="130">
        <v>18756</v>
      </c>
      <c r="G72" s="130">
        <v>17681</v>
      </c>
      <c r="H72" s="130">
        <v>39296</v>
      </c>
      <c r="I72" s="130">
        <v>20564</v>
      </c>
      <c r="J72" s="130">
        <v>18732</v>
      </c>
      <c r="K72" s="137">
        <v>17663</v>
      </c>
    </row>
    <row r="73" spans="1:11" ht="10.5" customHeight="1" thickBot="1">
      <c r="A73" s="133"/>
      <c r="B73" s="138" t="s">
        <v>141</v>
      </c>
      <c r="C73" s="139"/>
      <c r="D73" s="140">
        <v>2920</v>
      </c>
      <c r="E73" s="140">
        <v>1494</v>
      </c>
      <c r="F73" s="140">
        <v>1426</v>
      </c>
      <c r="G73" s="140">
        <v>1134</v>
      </c>
      <c r="H73" s="140">
        <v>2917</v>
      </c>
      <c r="I73" s="140">
        <v>1494</v>
      </c>
      <c r="J73" s="140">
        <v>1423</v>
      </c>
      <c r="K73" s="141">
        <v>1136</v>
      </c>
    </row>
    <row r="74" spans="1:11" ht="9.75" customHeight="1"/>
  </sheetData>
  <mergeCells count="6"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  <headerFooter>
    <oddFooter>&amp;C&amp;"HGPｺﾞｼｯｸM,ﾒﾃﾞｨｳﾑ"&amp;9- 25 -</oddFoot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Z49"/>
  <sheetViews>
    <sheetView view="pageBreakPreview" zoomScaleNormal="115" zoomScaleSheetLayoutView="100" workbookViewId="0"/>
  </sheetViews>
  <sheetFormatPr defaultRowHeight="14.25"/>
  <cols>
    <col min="1" max="1" width="1.25" style="1" customWidth="1"/>
    <col min="2" max="2" width="8.625" style="1" customWidth="1"/>
    <col min="3" max="3" width="1.25" style="1" customWidth="1"/>
    <col min="4" max="15" width="11.25" style="1" customWidth="1"/>
    <col min="16" max="16" width="1.75" style="1" customWidth="1"/>
    <col min="17" max="17" width="8.75" style="1" customWidth="1"/>
    <col min="18" max="18" width="1.25" style="1" customWidth="1"/>
    <col min="19" max="22" width="6.875" style="1" customWidth="1"/>
  </cols>
  <sheetData>
    <row r="1" spans="1:26" ht="37.5" customHeight="1">
      <c r="B1" s="86"/>
      <c r="C1" s="86"/>
      <c r="D1" s="241" t="s">
        <v>215</v>
      </c>
      <c r="E1" s="241"/>
      <c r="F1" s="241"/>
      <c r="G1" s="241"/>
      <c r="H1" s="241"/>
      <c r="I1" s="241"/>
      <c r="J1" s="86"/>
      <c r="K1" s="86"/>
      <c r="L1" s="86"/>
      <c r="M1" s="86"/>
      <c r="N1" s="86"/>
      <c r="O1" s="86"/>
    </row>
    <row r="2" spans="1:26" ht="18.75" customHeight="1">
      <c r="A2" s="86"/>
      <c r="B2" s="86"/>
      <c r="C2" s="86"/>
      <c r="D2" s="86"/>
      <c r="E2" s="86"/>
      <c r="F2" s="86"/>
      <c r="G2" s="86"/>
      <c r="H2" s="86"/>
      <c r="I2" s="86"/>
      <c r="J2" s="86"/>
      <c r="K2" s="86"/>
      <c r="L2" s="86"/>
      <c r="M2" s="86"/>
      <c r="N2" s="86"/>
      <c r="O2" s="86"/>
    </row>
    <row r="3" spans="1:26" ht="18.75" customHeight="1" thickBot="1">
      <c r="A3" s="207" t="s">
        <v>159</v>
      </c>
      <c r="B3" s="207"/>
      <c r="C3" s="207"/>
      <c r="J3" s="242"/>
      <c r="K3" s="242"/>
      <c r="L3" s="242"/>
      <c r="M3" s="242"/>
      <c r="N3" s="242"/>
      <c r="O3" s="242"/>
      <c r="P3" s="243" t="s">
        <v>56</v>
      </c>
      <c r="Q3" s="243"/>
      <c r="R3" s="243"/>
    </row>
    <row r="4" spans="1:26" ht="22.5" customHeight="1">
      <c r="A4" s="244" t="s">
        <v>160</v>
      </c>
      <c r="B4" s="245"/>
      <c r="C4" s="245"/>
      <c r="D4" s="89" t="s">
        <v>58</v>
      </c>
      <c r="E4" s="89" t="s">
        <v>59</v>
      </c>
      <c r="F4" s="89" t="s">
        <v>60</v>
      </c>
      <c r="G4" s="89" t="s">
        <v>61</v>
      </c>
      <c r="H4" s="89" t="s">
        <v>62</v>
      </c>
      <c r="I4" s="90" t="s">
        <v>63</v>
      </c>
      <c r="J4" s="89" t="s">
        <v>64</v>
      </c>
      <c r="K4" s="89" t="s">
        <v>65</v>
      </c>
      <c r="L4" s="89" t="s">
        <v>66</v>
      </c>
      <c r="M4" s="89" t="s">
        <v>67</v>
      </c>
      <c r="N4" s="89" t="s">
        <v>68</v>
      </c>
      <c r="O4" s="90" t="s">
        <v>69</v>
      </c>
      <c r="P4" s="245" t="s">
        <v>160</v>
      </c>
      <c r="Q4" s="245"/>
      <c r="R4" s="247"/>
    </row>
    <row r="5" spans="1:26" ht="13.5" customHeight="1">
      <c r="A5" s="9"/>
      <c r="B5" s="115"/>
      <c r="C5" s="49"/>
      <c r="D5" s="12"/>
      <c r="E5" s="12"/>
      <c r="F5" s="12"/>
      <c r="G5" s="12"/>
      <c r="H5" s="12"/>
      <c r="I5" s="12"/>
      <c r="J5" s="12"/>
      <c r="K5" s="12"/>
      <c r="L5" s="12"/>
      <c r="M5" s="12"/>
      <c r="N5" s="12"/>
      <c r="O5" s="12"/>
      <c r="P5" s="49"/>
      <c r="Q5" s="115"/>
      <c r="R5" s="93"/>
    </row>
    <row r="6" spans="1:26" ht="15" customHeight="1">
      <c r="A6" s="116"/>
      <c r="B6" s="117" t="s">
        <v>76</v>
      </c>
      <c r="C6" s="17"/>
      <c r="D6" s="18">
        <v>9227901</v>
      </c>
      <c r="E6" s="18">
        <v>9221929</v>
      </c>
      <c r="F6" s="18">
        <v>9216954</v>
      </c>
      <c r="G6" s="18">
        <v>9222108</v>
      </c>
      <c r="H6" s="18">
        <v>9234566</v>
      </c>
      <c r="I6" s="18">
        <v>9235491</v>
      </c>
      <c r="J6" s="18">
        <v>9233545</v>
      </c>
      <c r="K6" s="18">
        <v>9232904</v>
      </c>
      <c r="L6" s="18">
        <v>9231427</v>
      </c>
      <c r="M6" s="18">
        <v>9229713</v>
      </c>
      <c r="N6" s="18">
        <v>9229565</v>
      </c>
      <c r="O6" s="18">
        <v>9227041</v>
      </c>
      <c r="P6" s="143"/>
      <c r="Q6" s="117" t="s">
        <v>76</v>
      </c>
      <c r="R6" s="96"/>
    </row>
    <row r="7" spans="1:26" s="30" customFormat="1" ht="15" customHeight="1">
      <c r="A7" s="144"/>
      <c r="B7" s="121" t="s">
        <v>161</v>
      </c>
      <c r="C7" s="33"/>
      <c r="D7" s="122">
        <v>3769595</v>
      </c>
      <c r="E7" s="122">
        <v>3766999</v>
      </c>
      <c r="F7" s="122">
        <v>3765271</v>
      </c>
      <c r="G7" s="122">
        <v>3768664</v>
      </c>
      <c r="H7" s="122">
        <v>3774180</v>
      </c>
      <c r="I7" s="122">
        <v>3774611</v>
      </c>
      <c r="J7" s="122">
        <v>3773602</v>
      </c>
      <c r="K7" s="122">
        <v>3773403</v>
      </c>
      <c r="L7" s="122">
        <v>3772440</v>
      </c>
      <c r="M7" s="122">
        <v>3771766</v>
      </c>
      <c r="N7" s="122">
        <v>3771611</v>
      </c>
      <c r="O7" s="122">
        <v>3770179</v>
      </c>
      <c r="P7" s="33"/>
      <c r="Q7" s="121" t="s">
        <v>161</v>
      </c>
      <c r="R7" s="99"/>
      <c r="W7" s="31"/>
      <c r="X7" s="31"/>
      <c r="Y7" s="31"/>
      <c r="Z7" s="31"/>
    </row>
    <row r="8" spans="1:26" s="30" customFormat="1" ht="15" customHeight="1">
      <c r="A8" s="144"/>
      <c r="B8" s="121" t="s">
        <v>162</v>
      </c>
      <c r="C8" s="33"/>
      <c r="D8" s="122">
        <v>1540516</v>
      </c>
      <c r="E8" s="122">
        <v>1539747</v>
      </c>
      <c r="F8" s="122">
        <v>1538998</v>
      </c>
      <c r="G8" s="122">
        <v>1541640</v>
      </c>
      <c r="H8" s="122">
        <v>1543765</v>
      </c>
      <c r="I8" s="122">
        <v>1544713</v>
      </c>
      <c r="J8" s="122">
        <v>1544893</v>
      </c>
      <c r="K8" s="122">
        <v>1545091</v>
      </c>
      <c r="L8" s="122">
        <v>1545581</v>
      </c>
      <c r="M8" s="122">
        <v>1545604</v>
      </c>
      <c r="N8" s="122">
        <v>1546008</v>
      </c>
      <c r="O8" s="122">
        <v>1545942</v>
      </c>
      <c r="P8" s="33"/>
      <c r="Q8" s="121" t="s">
        <v>162</v>
      </c>
      <c r="R8" s="99"/>
      <c r="W8" s="31"/>
      <c r="X8" s="31"/>
      <c r="Y8" s="31"/>
      <c r="Z8" s="31"/>
    </row>
    <row r="9" spans="1:26" s="30" customFormat="1" ht="13.5" customHeight="1">
      <c r="A9" s="144"/>
      <c r="B9" s="121"/>
      <c r="C9" s="33"/>
      <c r="D9" s="122"/>
      <c r="E9" s="122"/>
      <c r="F9" s="122"/>
      <c r="G9" s="122"/>
      <c r="H9" s="122"/>
      <c r="I9" s="122"/>
      <c r="J9" s="122"/>
      <c r="K9" s="122"/>
      <c r="L9" s="122"/>
      <c r="M9" s="122"/>
      <c r="N9" s="122"/>
      <c r="O9" s="122"/>
      <c r="P9" s="33"/>
      <c r="Q9" s="121"/>
      <c r="R9" s="99"/>
      <c r="W9" s="31"/>
      <c r="X9" s="31"/>
      <c r="Y9" s="31"/>
      <c r="Z9" s="31"/>
    </row>
    <row r="10" spans="1:26" ht="15" customHeight="1">
      <c r="A10" s="125"/>
      <c r="B10" s="126" t="s">
        <v>163</v>
      </c>
      <c r="C10" s="40"/>
      <c r="D10" s="127">
        <v>679613</v>
      </c>
      <c r="E10" s="127">
        <v>678727</v>
      </c>
      <c r="F10" s="127">
        <v>677876</v>
      </c>
      <c r="G10" s="127">
        <v>676242</v>
      </c>
      <c r="H10" s="127">
        <v>678397</v>
      </c>
      <c r="I10" s="127">
        <v>677686</v>
      </c>
      <c r="J10" s="127">
        <v>676477</v>
      </c>
      <c r="K10" s="127">
        <v>675909</v>
      </c>
      <c r="L10" s="127">
        <v>675038</v>
      </c>
      <c r="M10" s="127">
        <v>674467</v>
      </c>
      <c r="N10" s="127">
        <v>673991</v>
      </c>
      <c r="O10" s="127">
        <v>673506</v>
      </c>
      <c r="P10" s="40"/>
      <c r="Q10" s="126" t="s">
        <v>163</v>
      </c>
      <c r="R10" s="107"/>
    </row>
    <row r="11" spans="1:26" ht="15" customHeight="1">
      <c r="A11" s="60"/>
      <c r="B11" s="115" t="s">
        <v>108</v>
      </c>
      <c r="C11" s="145"/>
      <c r="D11" s="130">
        <v>378814</v>
      </c>
      <c r="E11" s="130">
        <v>378241</v>
      </c>
      <c r="F11" s="130">
        <v>377686</v>
      </c>
      <c r="G11" s="130">
        <v>376171</v>
      </c>
      <c r="H11" s="130">
        <v>378352</v>
      </c>
      <c r="I11" s="130">
        <v>377918</v>
      </c>
      <c r="J11" s="130">
        <v>376847</v>
      </c>
      <c r="K11" s="130">
        <v>376425</v>
      </c>
      <c r="L11" s="130">
        <v>375781</v>
      </c>
      <c r="M11" s="130">
        <v>375424</v>
      </c>
      <c r="N11" s="130">
        <v>375176</v>
      </c>
      <c r="O11" s="130">
        <v>374800</v>
      </c>
      <c r="P11" s="61"/>
      <c r="Q11" s="115" t="s">
        <v>108</v>
      </c>
      <c r="R11" s="146"/>
    </row>
    <row r="12" spans="1:26" ht="15" customHeight="1">
      <c r="A12" s="60"/>
      <c r="B12" s="115" t="s">
        <v>110</v>
      </c>
      <c r="C12" s="145"/>
      <c r="D12" s="130">
        <v>172107</v>
      </c>
      <c r="E12" s="130">
        <v>171932</v>
      </c>
      <c r="F12" s="130">
        <v>171812</v>
      </c>
      <c r="G12" s="130">
        <v>171914</v>
      </c>
      <c r="H12" s="130">
        <v>171978</v>
      </c>
      <c r="I12" s="130">
        <v>171863</v>
      </c>
      <c r="J12" s="130">
        <v>171819</v>
      </c>
      <c r="K12" s="130">
        <v>171793</v>
      </c>
      <c r="L12" s="130">
        <v>171673</v>
      </c>
      <c r="M12" s="130">
        <v>171600</v>
      </c>
      <c r="N12" s="130">
        <v>171517</v>
      </c>
      <c r="O12" s="130">
        <v>171425</v>
      </c>
      <c r="P12" s="61"/>
      <c r="Q12" s="115" t="s">
        <v>110</v>
      </c>
      <c r="R12" s="146"/>
    </row>
    <row r="13" spans="1:26" ht="15" customHeight="1">
      <c r="A13" s="60"/>
      <c r="B13" s="115" t="s">
        <v>114</v>
      </c>
      <c r="C13" s="145"/>
      <c r="D13" s="130">
        <v>56437</v>
      </c>
      <c r="E13" s="130">
        <v>56421</v>
      </c>
      <c r="F13" s="130">
        <v>56352</v>
      </c>
      <c r="G13" s="130">
        <v>56293</v>
      </c>
      <c r="H13" s="130">
        <v>56249</v>
      </c>
      <c r="I13" s="130">
        <v>56194</v>
      </c>
      <c r="J13" s="130">
        <v>56178</v>
      </c>
      <c r="K13" s="130">
        <v>56138</v>
      </c>
      <c r="L13" s="130">
        <v>56058</v>
      </c>
      <c r="M13" s="130">
        <v>56019</v>
      </c>
      <c r="N13" s="130">
        <v>55993</v>
      </c>
      <c r="O13" s="130">
        <v>55999</v>
      </c>
      <c r="P13" s="61"/>
      <c r="Q13" s="115" t="s">
        <v>114</v>
      </c>
      <c r="R13" s="146"/>
    </row>
    <row r="14" spans="1:26" ht="15" customHeight="1">
      <c r="A14" s="60"/>
      <c r="B14" s="115" t="s">
        <v>115</v>
      </c>
      <c r="C14" s="145"/>
      <c r="D14" s="130">
        <v>40841</v>
      </c>
      <c r="E14" s="130">
        <v>40754</v>
      </c>
      <c r="F14" s="130">
        <v>40686</v>
      </c>
      <c r="G14" s="130">
        <v>40584</v>
      </c>
      <c r="H14" s="130">
        <v>40571</v>
      </c>
      <c r="I14" s="130">
        <v>40505</v>
      </c>
      <c r="J14" s="130">
        <v>40442</v>
      </c>
      <c r="K14" s="130">
        <v>40360</v>
      </c>
      <c r="L14" s="130">
        <v>40359</v>
      </c>
      <c r="M14" s="130">
        <v>40306</v>
      </c>
      <c r="N14" s="130">
        <v>40245</v>
      </c>
      <c r="O14" s="130">
        <v>40218</v>
      </c>
      <c r="P14" s="61"/>
      <c r="Q14" s="115" t="s">
        <v>115</v>
      </c>
      <c r="R14" s="146"/>
    </row>
    <row r="15" spans="1:26" ht="15" customHeight="1">
      <c r="A15" s="60"/>
      <c r="B15" s="115" t="s">
        <v>164</v>
      </c>
      <c r="C15" s="145"/>
      <c r="D15" s="130">
        <v>31414</v>
      </c>
      <c r="E15" s="130">
        <v>31379</v>
      </c>
      <c r="F15" s="130">
        <v>31340</v>
      </c>
      <c r="G15" s="130">
        <v>31280</v>
      </c>
      <c r="H15" s="130">
        <v>31247</v>
      </c>
      <c r="I15" s="130">
        <v>31206</v>
      </c>
      <c r="J15" s="130">
        <v>31191</v>
      </c>
      <c r="K15" s="130">
        <v>31193</v>
      </c>
      <c r="L15" s="130">
        <v>31167</v>
      </c>
      <c r="M15" s="130">
        <v>31118</v>
      </c>
      <c r="N15" s="130">
        <v>31060</v>
      </c>
      <c r="O15" s="130">
        <v>31064</v>
      </c>
      <c r="P15" s="61"/>
      <c r="Q15" s="115" t="s">
        <v>164</v>
      </c>
      <c r="R15" s="146"/>
    </row>
    <row r="16" spans="1:26" ht="13.5" customHeight="1">
      <c r="A16" s="60"/>
      <c r="B16" s="115"/>
      <c r="C16" s="61"/>
      <c r="D16" s="130"/>
      <c r="E16" s="130"/>
      <c r="F16" s="130"/>
      <c r="G16" s="130"/>
      <c r="H16" s="130"/>
      <c r="I16" s="130"/>
      <c r="J16" s="130"/>
      <c r="K16" s="130"/>
      <c r="L16" s="130"/>
      <c r="M16" s="130"/>
      <c r="N16" s="130"/>
      <c r="O16" s="130"/>
      <c r="P16" s="61"/>
      <c r="Q16" s="115"/>
      <c r="R16" s="146"/>
    </row>
    <row r="17" spans="1:26" s="1" customFormat="1" ht="15" customHeight="1">
      <c r="A17" s="125"/>
      <c r="B17" s="126" t="s">
        <v>165</v>
      </c>
      <c r="C17" s="40"/>
      <c r="D17" s="127">
        <v>1590272</v>
      </c>
      <c r="E17" s="127">
        <v>1589464</v>
      </c>
      <c r="F17" s="127">
        <v>1588584</v>
      </c>
      <c r="G17" s="127">
        <v>1588737</v>
      </c>
      <c r="H17" s="127">
        <v>1589938</v>
      </c>
      <c r="I17" s="127">
        <v>1590004</v>
      </c>
      <c r="J17" s="127">
        <v>1590129</v>
      </c>
      <c r="K17" s="127">
        <v>1590028</v>
      </c>
      <c r="L17" s="127">
        <v>1589933</v>
      </c>
      <c r="M17" s="127">
        <v>1589795</v>
      </c>
      <c r="N17" s="127">
        <v>1589911</v>
      </c>
      <c r="O17" s="127">
        <v>1589833</v>
      </c>
      <c r="P17" s="40"/>
      <c r="Q17" s="126" t="s">
        <v>165</v>
      </c>
      <c r="R17" s="107"/>
      <c r="W17"/>
      <c r="X17"/>
      <c r="Y17"/>
      <c r="Z17"/>
    </row>
    <row r="18" spans="1:26" s="1" customFormat="1" ht="15" customHeight="1">
      <c r="A18" s="60"/>
      <c r="B18" s="115" t="s">
        <v>106</v>
      </c>
      <c r="C18" s="49"/>
      <c r="D18" s="130">
        <v>726031</v>
      </c>
      <c r="E18" s="130">
        <v>725395</v>
      </c>
      <c r="F18" s="130">
        <v>724850</v>
      </c>
      <c r="G18" s="130">
        <v>724724</v>
      </c>
      <c r="H18" s="130">
        <v>725475</v>
      </c>
      <c r="I18" s="130">
        <v>725462</v>
      </c>
      <c r="J18" s="130">
        <v>725386</v>
      </c>
      <c r="K18" s="130">
        <v>725215</v>
      </c>
      <c r="L18" s="130">
        <v>725030</v>
      </c>
      <c r="M18" s="130">
        <v>725087</v>
      </c>
      <c r="N18" s="130">
        <v>725110</v>
      </c>
      <c r="O18" s="130">
        <v>724987</v>
      </c>
      <c r="P18" s="61"/>
      <c r="Q18" s="115" t="s">
        <v>106</v>
      </c>
      <c r="R18" s="93"/>
      <c r="W18"/>
      <c r="X18"/>
      <c r="Y18"/>
      <c r="Z18"/>
    </row>
    <row r="19" spans="1:26" s="1" customFormat="1" ht="15" customHeight="1">
      <c r="A19" s="60"/>
      <c r="B19" s="115" t="s">
        <v>117</v>
      </c>
      <c r="C19" s="49"/>
      <c r="D19" s="130">
        <v>223956</v>
      </c>
      <c r="E19" s="130">
        <v>223949</v>
      </c>
      <c r="F19" s="130">
        <v>223760</v>
      </c>
      <c r="G19" s="130">
        <v>223815</v>
      </c>
      <c r="H19" s="130">
        <v>224129</v>
      </c>
      <c r="I19" s="130">
        <v>224117</v>
      </c>
      <c r="J19" s="130">
        <v>224187</v>
      </c>
      <c r="K19" s="130">
        <v>224141</v>
      </c>
      <c r="L19" s="130">
        <v>224098</v>
      </c>
      <c r="M19" s="130">
        <v>224058</v>
      </c>
      <c r="N19" s="130">
        <v>224098</v>
      </c>
      <c r="O19" s="130">
        <v>224102</v>
      </c>
      <c r="P19" s="61"/>
      <c r="Q19" s="115" t="s">
        <v>117</v>
      </c>
      <c r="R19" s="93"/>
      <c r="W19"/>
      <c r="X19"/>
      <c r="Y19"/>
      <c r="Z19"/>
    </row>
    <row r="20" spans="1:26" s="1" customFormat="1" ht="15" customHeight="1">
      <c r="A20" s="60"/>
      <c r="B20" s="115" t="s">
        <v>118</v>
      </c>
      <c r="C20" s="49"/>
      <c r="D20" s="130">
        <v>243067</v>
      </c>
      <c r="E20" s="130">
        <v>242916</v>
      </c>
      <c r="F20" s="130">
        <v>242901</v>
      </c>
      <c r="G20" s="130">
        <v>242983</v>
      </c>
      <c r="H20" s="130">
        <v>243214</v>
      </c>
      <c r="I20" s="130">
        <v>243191</v>
      </c>
      <c r="J20" s="130">
        <v>243277</v>
      </c>
      <c r="K20" s="130">
        <v>243270</v>
      </c>
      <c r="L20" s="130">
        <v>243352</v>
      </c>
      <c r="M20" s="130">
        <v>243252</v>
      </c>
      <c r="N20" s="130">
        <v>243308</v>
      </c>
      <c r="O20" s="130">
        <v>243412</v>
      </c>
      <c r="P20" s="61"/>
      <c r="Q20" s="115" t="s">
        <v>118</v>
      </c>
      <c r="R20" s="93"/>
      <c r="W20"/>
      <c r="X20"/>
      <c r="Y20"/>
      <c r="Z20"/>
    </row>
    <row r="21" spans="1:26" s="1" customFormat="1" ht="15" customHeight="1">
      <c r="A21" s="60"/>
      <c r="B21" s="115" t="s">
        <v>120</v>
      </c>
      <c r="C21" s="49"/>
      <c r="D21" s="130">
        <v>139538</v>
      </c>
      <c r="E21" s="130">
        <v>139575</v>
      </c>
      <c r="F21" s="130">
        <v>139611</v>
      </c>
      <c r="G21" s="130">
        <v>139739</v>
      </c>
      <c r="H21" s="130">
        <v>139757</v>
      </c>
      <c r="I21" s="130">
        <v>139781</v>
      </c>
      <c r="J21" s="130">
        <v>139837</v>
      </c>
      <c r="K21" s="130">
        <v>140040</v>
      </c>
      <c r="L21" s="130">
        <v>140117</v>
      </c>
      <c r="M21" s="130">
        <v>140170</v>
      </c>
      <c r="N21" s="130">
        <v>140186</v>
      </c>
      <c r="O21" s="130">
        <v>140189</v>
      </c>
      <c r="P21" s="61"/>
      <c r="Q21" s="115" t="s">
        <v>120</v>
      </c>
      <c r="R21" s="93"/>
      <c r="W21"/>
      <c r="X21"/>
      <c r="Y21"/>
      <c r="Z21"/>
    </row>
    <row r="22" spans="1:26" s="1" customFormat="1" ht="15" customHeight="1">
      <c r="A22" s="60"/>
      <c r="B22" s="115" t="s">
        <v>121</v>
      </c>
      <c r="C22" s="49"/>
      <c r="D22" s="130">
        <v>132080</v>
      </c>
      <c r="E22" s="130">
        <v>132057</v>
      </c>
      <c r="F22" s="130">
        <v>131968</v>
      </c>
      <c r="G22" s="130">
        <v>132072</v>
      </c>
      <c r="H22" s="130">
        <v>132028</v>
      </c>
      <c r="I22" s="130">
        <v>132113</v>
      </c>
      <c r="J22" s="130">
        <v>132143</v>
      </c>
      <c r="K22" s="130">
        <v>132083</v>
      </c>
      <c r="L22" s="130">
        <v>132055</v>
      </c>
      <c r="M22" s="130">
        <v>132075</v>
      </c>
      <c r="N22" s="130">
        <v>132013</v>
      </c>
      <c r="O22" s="130">
        <v>131913</v>
      </c>
      <c r="P22" s="61"/>
      <c r="Q22" s="115" t="s">
        <v>121</v>
      </c>
      <c r="R22" s="93"/>
      <c r="W22"/>
      <c r="X22"/>
      <c r="Y22"/>
      <c r="Z22"/>
    </row>
    <row r="23" spans="1:26" s="1" customFormat="1" ht="15" customHeight="1">
      <c r="A23" s="60"/>
      <c r="B23" s="115" t="s">
        <v>123</v>
      </c>
      <c r="C23" s="49"/>
      <c r="D23" s="130">
        <v>83235</v>
      </c>
      <c r="E23" s="130">
        <v>83205</v>
      </c>
      <c r="F23" s="130">
        <v>83141</v>
      </c>
      <c r="G23" s="130">
        <v>83100</v>
      </c>
      <c r="H23" s="130">
        <v>83022</v>
      </c>
      <c r="I23" s="130">
        <v>83012</v>
      </c>
      <c r="J23" s="130">
        <v>83004</v>
      </c>
      <c r="K23" s="130">
        <v>82984</v>
      </c>
      <c r="L23" s="130">
        <v>83013</v>
      </c>
      <c r="M23" s="130">
        <v>82929</v>
      </c>
      <c r="N23" s="130">
        <v>82928</v>
      </c>
      <c r="O23" s="130">
        <v>83017</v>
      </c>
      <c r="P23" s="61"/>
      <c r="Q23" s="115" t="s">
        <v>123</v>
      </c>
      <c r="R23" s="93"/>
      <c r="W23"/>
      <c r="X23"/>
      <c r="Y23"/>
      <c r="Z23"/>
    </row>
    <row r="24" spans="1:26" s="1" customFormat="1" ht="15" customHeight="1">
      <c r="A24" s="60"/>
      <c r="B24" s="115" t="s">
        <v>140</v>
      </c>
      <c r="C24" s="49"/>
      <c r="D24" s="130">
        <v>39403</v>
      </c>
      <c r="E24" s="130">
        <v>39409</v>
      </c>
      <c r="F24" s="130">
        <v>39406</v>
      </c>
      <c r="G24" s="130">
        <v>39372</v>
      </c>
      <c r="H24" s="130">
        <v>39391</v>
      </c>
      <c r="I24" s="130">
        <v>39405</v>
      </c>
      <c r="J24" s="130">
        <v>39376</v>
      </c>
      <c r="K24" s="130">
        <v>39372</v>
      </c>
      <c r="L24" s="130">
        <v>39345</v>
      </c>
      <c r="M24" s="130">
        <v>39312</v>
      </c>
      <c r="N24" s="130">
        <v>39348</v>
      </c>
      <c r="O24" s="130">
        <v>39296</v>
      </c>
      <c r="P24" s="61"/>
      <c r="Q24" s="115" t="s">
        <v>140</v>
      </c>
      <c r="R24" s="93"/>
      <c r="W24"/>
      <c r="X24"/>
      <c r="Y24"/>
      <c r="Z24"/>
    </row>
    <row r="25" spans="1:26" s="1" customFormat="1" ht="15" customHeight="1">
      <c r="A25" s="60"/>
      <c r="B25" s="115" t="s">
        <v>141</v>
      </c>
      <c r="C25" s="49"/>
      <c r="D25" s="130">
        <v>2962</v>
      </c>
      <c r="E25" s="130">
        <v>2958</v>
      </c>
      <c r="F25" s="130">
        <v>2947</v>
      </c>
      <c r="G25" s="130">
        <v>2932</v>
      </c>
      <c r="H25" s="130">
        <v>2922</v>
      </c>
      <c r="I25" s="130">
        <v>2923</v>
      </c>
      <c r="J25" s="130">
        <v>2919</v>
      </c>
      <c r="K25" s="130">
        <v>2923</v>
      </c>
      <c r="L25" s="130">
        <v>2923</v>
      </c>
      <c r="M25" s="130">
        <v>2912</v>
      </c>
      <c r="N25" s="130">
        <v>2920</v>
      </c>
      <c r="O25" s="130">
        <v>2917</v>
      </c>
      <c r="P25" s="61"/>
      <c r="Q25" s="115" t="s">
        <v>141</v>
      </c>
      <c r="R25" s="93"/>
      <c r="W25"/>
      <c r="X25"/>
      <c r="Y25"/>
      <c r="Z25"/>
    </row>
    <row r="26" spans="1:26" s="1" customFormat="1" ht="13.5" customHeight="1">
      <c r="A26" s="60"/>
      <c r="B26" s="115"/>
      <c r="C26" s="49"/>
      <c r="D26" s="130"/>
      <c r="E26" s="130"/>
      <c r="F26" s="130"/>
      <c r="G26" s="130"/>
      <c r="H26" s="130"/>
      <c r="I26" s="130"/>
      <c r="J26" s="130"/>
      <c r="K26" s="130"/>
      <c r="L26" s="130"/>
      <c r="M26" s="130"/>
      <c r="N26" s="130"/>
      <c r="O26" s="130"/>
      <c r="P26" s="61"/>
      <c r="Q26" s="115"/>
      <c r="R26" s="93"/>
      <c r="W26"/>
      <c r="X26"/>
      <c r="Y26"/>
      <c r="Z26"/>
    </row>
    <row r="27" spans="1:26" s="1" customFormat="1" ht="15" customHeight="1">
      <c r="A27" s="125"/>
      <c r="B27" s="126" t="s">
        <v>166</v>
      </c>
      <c r="C27" s="40"/>
      <c r="D27" s="127">
        <v>1315618</v>
      </c>
      <c r="E27" s="127">
        <v>1314930</v>
      </c>
      <c r="F27" s="127">
        <v>1314455</v>
      </c>
      <c r="G27" s="127">
        <v>1315362</v>
      </c>
      <c r="H27" s="127">
        <v>1316801</v>
      </c>
      <c r="I27" s="127">
        <v>1317123</v>
      </c>
      <c r="J27" s="127">
        <v>1317297</v>
      </c>
      <c r="K27" s="127">
        <v>1317360</v>
      </c>
      <c r="L27" s="127">
        <v>1317532</v>
      </c>
      <c r="M27" s="127">
        <v>1317437</v>
      </c>
      <c r="N27" s="127">
        <v>1317526</v>
      </c>
      <c r="O27" s="127">
        <v>1317261</v>
      </c>
      <c r="P27" s="40"/>
      <c r="Q27" s="126" t="s">
        <v>166</v>
      </c>
      <c r="R27" s="107"/>
      <c r="W27"/>
      <c r="X27"/>
      <c r="Y27"/>
      <c r="Z27"/>
    </row>
    <row r="28" spans="1:26" s="1" customFormat="1" ht="15" customHeight="1">
      <c r="A28" s="60"/>
      <c r="B28" s="115" t="s">
        <v>109</v>
      </c>
      <c r="C28" s="49"/>
      <c r="D28" s="130">
        <v>257649</v>
      </c>
      <c r="E28" s="130">
        <v>257475</v>
      </c>
      <c r="F28" s="130">
        <v>257351</v>
      </c>
      <c r="G28" s="130">
        <v>257694</v>
      </c>
      <c r="H28" s="130">
        <v>257919</v>
      </c>
      <c r="I28" s="130">
        <v>258173</v>
      </c>
      <c r="J28" s="130">
        <v>258109</v>
      </c>
      <c r="K28" s="130">
        <v>258230</v>
      </c>
      <c r="L28" s="130">
        <v>258395</v>
      </c>
      <c r="M28" s="130">
        <v>258463</v>
      </c>
      <c r="N28" s="130">
        <v>258442</v>
      </c>
      <c r="O28" s="130">
        <v>258489</v>
      </c>
      <c r="P28" s="61"/>
      <c r="Q28" s="115" t="s">
        <v>109</v>
      </c>
      <c r="R28" s="93"/>
      <c r="W28"/>
      <c r="X28"/>
      <c r="Y28"/>
      <c r="Z28"/>
    </row>
    <row r="29" spans="1:26" s="1" customFormat="1" ht="15" customHeight="1">
      <c r="A29" s="60"/>
      <c r="B29" s="115" t="s">
        <v>111</v>
      </c>
      <c r="C29" s="49"/>
      <c r="D29" s="130">
        <v>443832</v>
      </c>
      <c r="E29" s="130">
        <v>443766</v>
      </c>
      <c r="F29" s="130">
        <v>443544</v>
      </c>
      <c r="G29" s="130">
        <v>443515</v>
      </c>
      <c r="H29" s="130">
        <v>444044</v>
      </c>
      <c r="I29" s="130">
        <v>444053</v>
      </c>
      <c r="J29" s="130">
        <v>444122</v>
      </c>
      <c r="K29" s="130">
        <v>443981</v>
      </c>
      <c r="L29" s="130">
        <v>443946</v>
      </c>
      <c r="M29" s="130">
        <v>443986</v>
      </c>
      <c r="N29" s="130">
        <v>444092</v>
      </c>
      <c r="O29" s="130">
        <v>443795</v>
      </c>
      <c r="P29" s="61"/>
      <c r="Q29" s="115" t="s">
        <v>111</v>
      </c>
      <c r="R29" s="93"/>
      <c r="W29"/>
      <c r="X29"/>
      <c r="Y29"/>
      <c r="Z29"/>
    </row>
    <row r="30" spans="1:26" s="1" customFormat="1" ht="15" customHeight="1">
      <c r="A30" s="60"/>
      <c r="B30" s="115" t="s">
        <v>167</v>
      </c>
      <c r="C30" s="49"/>
      <c r="D30" s="130">
        <v>244359</v>
      </c>
      <c r="E30" s="130">
        <v>244212</v>
      </c>
      <c r="F30" s="130">
        <v>244203</v>
      </c>
      <c r="G30" s="130">
        <v>244610</v>
      </c>
      <c r="H30" s="130">
        <v>245011</v>
      </c>
      <c r="I30" s="130">
        <v>245157</v>
      </c>
      <c r="J30" s="130">
        <v>245243</v>
      </c>
      <c r="K30" s="130">
        <v>245418</v>
      </c>
      <c r="L30" s="130">
        <v>245484</v>
      </c>
      <c r="M30" s="130">
        <v>245534</v>
      </c>
      <c r="N30" s="130">
        <v>245569</v>
      </c>
      <c r="O30" s="130">
        <v>245604</v>
      </c>
      <c r="P30" s="61"/>
      <c r="Q30" s="115" t="s">
        <v>167</v>
      </c>
      <c r="R30" s="93"/>
      <c r="W30"/>
      <c r="X30"/>
      <c r="Y30"/>
      <c r="Z30"/>
    </row>
    <row r="31" spans="1:26" s="1" customFormat="1" ht="15" customHeight="1">
      <c r="A31" s="60"/>
      <c r="B31" s="115" t="s">
        <v>116</v>
      </c>
      <c r="C31" s="49"/>
      <c r="D31" s="130">
        <v>161610</v>
      </c>
      <c r="E31" s="130">
        <v>161427</v>
      </c>
      <c r="F31" s="130">
        <v>161309</v>
      </c>
      <c r="G31" s="130">
        <v>161279</v>
      </c>
      <c r="H31" s="130">
        <v>161458</v>
      </c>
      <c r="I31" s="130">
        <v>161430</v>
      </c>
      <c r="J31" s="130">
        <v>161447</v>
      </c>
      <c r="K31" s="130">
        <v>161424</v>
      </c>
      <c r="L31" s="130">
        <v>161408</v>
      </c>
      <c r="M31" s="130">
        <v>161278</v>
      </c>
      <c r="N31" s="130">
        <v>161258</v>
      </c>
      <c r="O31" s="130">
        <v>161226</v>
      </c>
      <c r="P31" s="61"/>
      <c r="Q31" s="115" t="s">
        <v>116</v>
      </c>
      <c r="R31" s="93"/>
      <c r="W31"/>
      <c r="X31"/>
      <c r="Y31"/>
      <c r="Z31"/>
    </row>
    <row r="32" spans="1:26" s="1" customFormat="1" ht="15" customHeight="1">
      <c r="A32" s="60"/>
      <c r="B32" s="115" t="s">
        <v>119</v>
      </c>
      <c r="C32" s="49"/>
      <c r="D32" s="130">
        <v>101228</v>
      </c>
      <c r="E32" s="130">
        <v>101216</v>
      </c>
      <c r="F32" s="130">
        <v>101208</v>
      </c>
      <c r="G32" s="130">
        <v>101473</v>
      </c>
      <c r="H32" s="130">
        <v>101558</v>
      </c>
      <c r="I32" s="130">
        <v>101531</v>
      </c>
      <c r="J32" s="130">
        <v>101525</v>
      </c>
      <c r="K32" s="130">
        <v>101503</v>
      </c>
      <c r="L32" s="130">
        <v>101514</v>
      </c>
      <c r="M32" s="130">
        <v>101446</v>
      </c>
      <c r="N32" s="130">
        <v>101490</v>
      </c>
      <c r="O32" s="130">
        <v>101495</v>
      </c>
      <c r="P32" s="61"/>
      <c r="Q32" s="115" t="s">
        <v>119</v>
      </c>
      <c r="R32" s="93"/>
      <c r="W32"/>
      <c r="X32"/>
      <c r="Y32"/>
      <c r="Z32"/>
    </row>
    <row r="33" spans="1:26" s="1" customFormat="1" ht="15" customHeight="1">
      <c r="A33" s="60"/>
      <c r="B33" s="115" t="s">
        <v>168</v>
      </c>
      <c r="C33" s="49"/>
      <c r="D33" s="130">
        <v>48567</v>
      </c>
      <c r="E33" s="130">
        <v>48513</v>
      </c>
      <c r="F33" s="130">
        <v>48550</v>
      </c>
      <c r="G33" s="130">
        <v>48545</v>
      </c>
      <c r="H33" s="130">
        <v>48590</v>
      </c>
      <c r="I33" s="130">
        <v>48601</v>
      </c>
      <c r="J33" s="130">
        <v>48635</v>
      </c>
      <c r="K33" s="130">
        <v>48624</v>
      </c>
      <c r="L33" s="130">
        <v>48639</v>
      </c>
      <c r="M33" s="130">
        <v>48616</v>
      </c>
      <c r="N33" s="130">
        <v>48614</v>
      </c>
      <c r="O33" s="130">
        <v>48637</v>
      </c>
      <c r="P33" s="61"/>
      <c r="Q33" s="115" t="s">
        <v>168</v>
      </c>
      <c r="R33" s="93"/>
      <c r="W33"/>
      <c r="X33"/>
      <c r="Y33"/>
      <c r="Z33"/>
    </row>
    <row r="34" spans="1:26" s="1" customFormat="1" ht="15" customHeight="1">
      <c r="A34" s="60"/>
      <c r="B34" s="115" t="s">
        <v>127</v>
      </c>
      <c r="C34" s="49"/>
      <c r="D34" s="130">
        <v>31262</v>
      </c>
      <c r="E34" s="130">
        <v>31235</v>
      </c>
      <c r="F34" s="130">
        <v>31209</v>
      </c>
      <c r="G34" s="130">
        <v>31179</v>
      </c>
      <c r="H34" s="130">
        <v>31179</v>
      </c>
      <c r="I34" s="130">
        <v>31178</v>
      </c>
      <c r="J34" s="130">
        <v>31185</v>
      </c>
      <c r="K34" s="130">
        <v>31179</v>
      </c>
      <c r="L34" s="130">
        <v>31163</v>
      </c>
      <c r="M34" s="130">
        <v>31146</v>
      </c>
      <c r="N34" s="130">
        <v>31110</v>
      </c>
      <c r="O34" s="130">
        <v>31065</v>
      </c>
      <c r="P34" s="61"/>
      <c r="Q34" s="115" t="s">
        <v>127</v>
      </c>
      <c r="R34" s="93"/>
      <c r="W34"/>
      <c r="X34"/>
      <c r="Y34"/>
      <c r="Z34"/>
    </row>
    <row r="35" spans="1:26" s="1" customFormat="1" ht="15" customHeight="1">
      <c r="A35" s="60"/>
      <c r="B35" s="115" t="s">
        <v>128</v>
      </c>
      <c r="C35" s="49"/>
      <c r="D35" s="130">
        <v>27111</v>
      </c>
      <c r="E35" s="130">
        <v>27086</v>
      </c>
      <c r="F35" s="130">
        <v>27081</v>
      </c>
      <c r="G35" s="130">
        <v>27067</v>
      </c>
      <c r="H35" s="130">
        <v>27042</v>
      </c>
      <c r="I35" s="130">
        <v>27000</v>
      </c>
      <c r="J35" s="130">
        <v>27031</v>
      </c>
      <c r="K35" s="130">
        <v>27001</v>
      </c>
      <c r="L35" s="130">
        <v>26983</v>
      </c>
      <c r="M35" s="130">
        <v>26968</v>
      </c>
      <c r="N35" s="130">
        <v>26951</v>
      </c>
      <c r="O35" s="130">
        <v>26950</v>
      </c>
      <c r="P35" s="61"/>
      <c r="Q35" s="115" t="s">
        <v>128</v>
      </c>
      <c r="R35" s="93"/>
      <c r="W35"/>
      <c r="X35"/>
      <c r="Y35"/>
      <c r="Z35"/>
    </row>
    <row r="36" spans="1:26" s="1" customFormat="1" ht="13.5" customHeight="1">
      <c r="A36" s="60"/>
      <c r="B36" s="115"/>
      <c r="C36" s="49"/>
      <c r="D36" s="130"/>
      <c r="E36" s="130"/>
      <c r="F36" s="130"/>
      <c r="G36" s="130"/>
      <c r="H36" s="130"/>
      <c r="I36" s="130"/>
      <c r="J36" s="130"/>
      <c r="K36" s="130"/>
      <c r="L36" s="130"/>
      <c r="M36" s="130"/>
      <c r="N36" s="130"/>
      <c r="O36" s="130"/>
      <c r="P36" s="61"/>
      <c r="Q36" s="115"/>
      <c r="R36" s="93"/>
      <c r="W36"/>
      <c r="X36"/>
      <c r="Y36"/>
      <c r="Z36"/>
    </row>
    <row r="37" spans="1:26" s="1" customFormat="1" ht="15" customHeight="1">
      <c r="A37" s="125"/>
      <c r="B37" s="126" t="s">
        <v>169</v>
      </c>
      <c r="C37" s="40"/>
      <c r="D37" s="127">
        <v>332287</v>
      </c>
      <c r="E37" s="127">
        <v>332062</v>
      </c>
      <c r="F37" s="127">
        <v>331770</v>
      </c>
      <c r="G37" s="127">
        <v>331463</v>
      </c>
      <c r="H37" s="127">
        <v>331485</v>
      </c>
      <c r="I37" s="127">
        <v>331354</v>
      </c>
      <c r="J37" s="127">
        <v>331147</v>
      </c>
      <c r="K37" s="127">
        <v>331113</v>
      </c>
      <c r="L37" s="127">
        <v>330903</v>
      </c>
      <c r="M37" s="127">
        <v>330644</v>
      </c>
      <c r="N37" s="127">
        <v>330518</v>
      </c>
      <c r="O37" s="127">
        <v>330320</v>
      </c>
      <c r="P37" s="40"/>
      <c r="Q37" s="126" t="s">
        <v>169</v>
      </c>
      <c r="R37" s="107"/>
      <c r="W37"/>
      <c r="X37"/>
      <c r="Y37"/>
      <c r="Z37"/>
    </row>
    <row r="38" spans="1:26" s="1" customFormat="1" ht="15" customHeight="1">
      <c r="A38" s="60"/>
      <c r="B38" s="115" t="s">
        <v>112</v>
      </c>
      <c r="C38" s="49"/>
      <c r="D38" s="130">
        <v>187166</v>
      </c>
      <c r="E38" s="130">
        <v>187058</v>
      </c>
      <c r="F38" s="130">
        <v>186922</v>
      </c>
      <c r="G38" s="130">
        <v>186808</v>
      </c>
      <c r="H38" s="130">
        <v>186813</v>
      </c>
      <c r="I38" s="130">
        <v>186771</v>
      </c>
      <c r="J38" s="130">
        <v>186626</v>
      </c>
      <c r="K38" s="130">
        <v>186634</v>
      </c>
      <c r="L38" s="130">
        <v>186505</v>
      </c>
      <c r="M38" s="130">
        <v>186338</v>
      </c>
      <c r="N38" s="130">
        <v>186323</v>
      </c>
      <c r="O38" s="130">
        <v>186292</v>
      </c>
      <c r="P38" s="61"/>
      <c r="Q38" s="115" t="s">
        <v>112</v>
      </c>
      <c r="R38" s="93"/>
      <c r="W38"/>
      <c r="X38"/>
      <c r="Y38"/>
      <c r="Z38"/>
    </row>
    <row r="39" spans="1:26" s="1" customFormat="1" ht="15" customHeight="1">
      <c r="A39" s="60"/>
      <c r="B39" s="115" t="s">
        <v>122</v>
      </c>
      <c r="C39" s="49"/>
      <c r="D39" s="130">
        <v>40125</v>
      </c>
      <c r="E39" s="130">
        <v>40090</v>
      </c>
      <c r="F39" s="130">
        <v>40018</v>
      </c>
      <c r="G39" s="130">
        <v>39907</v>
      </c>
      <c r="H39" s="130">
        <v>39896</v>
      </c>
      <c r="I39" s="130">
        <v>39885</v>
      </c>
      <c r="J39" s="130">
        <v>39873</v>
      </c>
      <c r="K39" s="130">
        <v>39856</v>
      </c>
      <c r="L39" s="130">
        <v>39846</v>
      </c>
      <c r="M39" s="130">
        <v>39817</v>
      </c>
      <c r="N39" s="130">
        <v>39781</v>
      </c>
      <c r="O39" s="130">
        <v>39759</v>
      </c>
      <c r="P39" s="61"/>
      <c r="Q39" s="115" t="s">
        <v>122</v>
      </c>
      <c r="R39" s="93"/>
      <c r="W39"/>
      <c r="X39"/>
      <c r="Y39"/>
      <c r="Z39"/>
    </row>
    <row r="40" spans="1:26" s="1" customFormat="1" ht="15" customHeight="1">
      <c r="A40" s="60"/>
      <c r="B40" s="115" t="s">
        <v>130</v>
      </c>
      <c r="C40" s="49"/>
      <c r="D40" s="130">
        <v>9069</v>
      </c>
      <c r="E40" s="130">
        <v>9061</v>
      </c>
      <c r="F40" s="130">
        <v>9043</v>
      </c>
      <c r="G40" s="130">
        <v>9001</v>
      </c>
      <c r="H40" s="130">
        <v>9006</v>
      </c>
      <c r="I40" s="130">
        <v>8985</v>
      </c>
      <c r="J40" s="130">
        <v>8971</v>
      </c>
      <c r="K40" s="130">
        <v>8973</v>
      </c>
      <c r="L40" s="130">
        <v>8975</v>
      </c>
      <c r="M40" s="130">
        <v>8971</v>
      </c>
      <c r="N40" s="130">
        <v>8967</v>
      </c>
      <c r="O40" s="130">
        <v>8947</v>
      </c>
      <c r="P40" s="61"/>
      <c r="Q40" s="115" t="s">
        <v>130</v>
      </c>
      <c r="R40" s="93"/>
      <c r="W40"/>
      <c r="X40"/>
      <c r="Y40"/>
      <c r="Z40"/>
    </row>
    <row r="41" spans="1:26" s="1" customFormat="1" ht="15" customHeight="1">
      <c r="A41" s="60"/>
      <c r="B41" s="115" t="s">
        <v>131</v>
      </c>
      <c r="C41" s="49"/>
      <c r="D41" s="130">
        <v>17207</v>
      </c>
      <c r="E41" s="130">
        <v>17221</v>
      </c>
      <c r="F41" s="130">
        <v>17264</v>
      </c>
      <c r="G41" s="130">
        <v>17264</v>
      </c>
      <c r="H41" s="130">
        <v>17272</v>
      </c>
      <c r="I41" s="130">
        <v>17274</v>
      </c>
      <c r="J41" s="130">
        <v>17278</v>
      </c>
      <c r="K41" s="130">
        <v>17280</v>
      </c>
      <c r="L41" s="130">
        <v>17305</v>
      </c>
      <c r="M41" s="130">
        <v>17324</v>
      </c>
      <c r="N41" s="130">
        <v>17329</v>
      </c>
      <c r="O41" s="130">
        <v>17339</v>
      </c>
      <c r="P41" s="61"/>
      <c r="Q41" s="115" t="s">
        <v>131</v>
      </c>
      <c r="R41" s="93"/>
      <c r="W41"/>
      <c r="X41"/>
      <c r="Y41"/>
      <c r="Z41"/>
    </row>
    <row r="42" spans="1:26" s="1" customFormat="1" ht="15" customHeight="1">
      <c r="A42" s="60"/>
      <c r="B42" s="115" t="s">
        <v>132</v>
      </c>
      <c r="C42" s="49"/>
      <c r="D42" s="130">
        <v>10474</v>
      </c>
      <c r="E42" s="130">
        <v>10475</v>
      </c>
      <c r="F42" s="130">
        <v>10428</v>
      </c>
      <c r="G42" s="130">
        <v>10437</v>
      </c>
      <c r="H42" s="130">
        <v>10420</v>
      </c>
      <c r="I42" s="130">
        <v>10435</v>
      </c>
      <c r="J42" s="130">
        <v>10395</v>
      </c>
      <c r="K42" s="130">
        <v>10362</v>
      </c>
      <c r="L42" s="130">
        <v>10387</v>
      </c>
      <c r="M42" s="130">
        <v>10361</v>
      </c>
      <c r="N42" s="130">
        <v>10383</v>
      </c>
      <c r="O42" s="130">
        <v>10320</v>
      </c>
      <c r="P42" s="61"/>
      <c r="Q42" s="115" t="s">
        <v>132</v>
      </c>
      <c r="R42" s="93"/>
      <c r="W42"/>
      <c r="X42"/>
      <c r="Y42"/>
      <c r="Z42"/>
    </row>
    <row r="43" spans="1:26" s="1" customFormat="1" ht="15" customHeight="1">
      <c r="A43" s="60"/>
      <c r="B43" s="115" t="s">
        <v>133</v>
      </c>
      <c r="C43" s="49"/>
      <c r="D43" s="130">
        <v>9350</v>
      </c>
      <c r="E43" s="130">
        <v>9348</v>
      </c>
      <c r="F43" s="130">
        <v>9355</v>
      </c>
      <c r="G43" s="130">
        <v>9332</v>
      </c>
      <c r="H43" s="130">
        <v>9315</v>
      </c>
      <c r="I43" s="130">
        <v>9286</v>
      </c>
      <c r="J43" s="130">
        <v>9276</v>
      </c>
      <c r="K43" s="130">
        <v>9261</v>
      </c>
      <c r="L43" s="130">
        <v>9247</v>
      </c>
      <c r="M43" s="130">
        <v>9241</v>
      </c>
      <c r="N43" s="130">
        <v>9235</v>
      </c>
      <c r="O43" s="130">
        <v>9213</v>
      </c>
      <c r="P43" s="61"/>
      <c r="Q43" s="115" t="s">
        <v>133</v>
      </c>
      <c r="R43" s="93"/>
      <c r="W43"/>
      <c r="X43"/>
      <c r="Y43"/>
      <c r="Z43"/>
    </row>
    <row r="44" spans="1:26" s="1" customFormat="1" ht="15" customHeight="1">
      <c r="A44" s="60"/>
      <c r="B44" s="115" t="s">
        <v>134</v>
      </c>
      <c r="C44" s="49"/>
      <c r="D44" s="130">
        <v>18741</v>
      </c>
      <c r="E44" s="130">
        <v>18755</v>
      </c>
      <c r="F44" s="130">
        <v>18746</v>
      </c>
      <c r="G44" s="130">
        <v>18732</v>
      </c>
      <c r="H44" s="130">
        <v>18716</v>
      </c>
      <c r="I44" s="130">
        <v>18747</v>
      </c>
      <c r="J44" s="130">
        <v>18800</v>
      </c>
      <c r="K44" s="130">
        <v>18824</v>
      </c>
      <c r="L44" s="130">
        <v>18818</v>
      </c>
      <c r="M44" s="130">
        <v>18808</v>
      </c>
      <c r="N44" s="130">
        <v>18803</v>
      </c>
      <c r="O44" s="130">
        <v>18809</v>
      </c>
      <c r="P44" s="61"/>
      <c r="Q44" s="115" t="s">
        <v>134</v>
      </c>
      <c r="R44" s="93"/>
      <c r="W44"/>
      <c r="X44"/>
      <c r="Y44"/>
      <c r="Z44"/>
    </row>
    <row r="45" spans="1:26" s="1" customFormat="1" ht="15" customHeight="1">
      <c r="A45" s="60"/>
      <c r="B45" s="115" t="s">
        <v>136</v>
      </c>
      <c r="C45" s="49"/>
      <c r="D45" s="130">
        <v>10895</v>
      </c>
      <c r="E45" s="130">
        <v>10877</v>
      </c>
      <c r="F45" s="130">
        <v>10871</v>
      </c>
      <c r="G45" s="130">
        <v>10937</v>
      </c>
      <c r="H45" s="130">
        <v>11037</v>
      </c>
      <c r="I45" s="130">
        <v>11023</v>
      </c>
      <c r="J45" s="130">
        <v>11008</v>
      </c>
      <c r="K45" s="130">
        <v>10990</v>
      </c>
      <c r="L45" s="130">
        <v>10967</v>
      </c>
      <c r="M45" s="130">
        <v>10965</v>
      </c>
      <c r="N45" s="130">
        <v>10951</v>
      </c>
      <c r="O45" s="130">
        <v>10941</v>
      </c>
      <c r="P45" s="61"/>
      <c r="Q45" s="115" t="s">
        <v>136</v>
      </c>
      <c r="R45" s="93"/>
      <c r="W45"/>
      <c r="X45"/>
      <c r="Y45"/>
      <c r="Z45"/>
    </row>
    <row r="46" spans="1:26" s="1" customFormat="1" ht="15" customHeight="1">
      <c r="A46" s="60"/>
      <c r="B46" s="115" t="s">
        <v>137</v>
      </c>
      <c r="C46" s="49"/>
      <c r="D46" s="130">
        <v>6471</v>
      </c>
      <c r="E46" s="130">
        <v>6460</v>
      </c>
      <c r="F46" s="130">
        <v>6448</v>
      </c>
      <c r="G46" s="130">
        <v>6396</v>
      </c>
      <c r="H46" s="130">
        <v>6380</v>
      </c>
      <c r="I46" s="130">
        <v>6363</v>
      </c>
      <c r="J46" s="130">
        <v>6347</v>
      </c>
      <c r="K46" s="130">
        <v>6367</v>
      </c>
      <c r="L46" s="130">
        <v>6349</v>
      </c>
      <c r="M46" s="130">
        <v>6346</v>
      </c>
      <c r="N46" s="130">
        <v>6331</v>
      </c>
      <c r="O46" s="130">
        <v>6310</v>
      </c>
      <c r="P46" s="61"/>
      <c r="Q46" s="115" t="s">
        <v>137</v>
      </c>
      <c r="R46" s="93"/>
      <c r="W46"/>
      <c r="X46"/>
      <c r="Y46"/>
      <c r="Z46"/>
    </row>
    <row r="47" spans="1:26" s="1" customFormat="1" ht="15" customHeight="1">
      <c r="A47" s="60"/>
      <c r="B47" s="115" t="s">
        <v>138</v>
      </c>
      <c r="C47" s="49"/>
      <c r="D47" s="130">
        <v>22789</v>
      </c>
      <c r="E47" s="130">
        <v>22717</v>
      </c>
      <c r="F47" s="130">
        <v>22675</v>
      </c>
      <c r="G47" s="130">
        <v>22649</v>
      </c>
      <c r="H47" s="130">
        <v>22630</v>
      </c>
      <c r="I47" s="130">
        <v>22585</v>
      </c>
      <c r="J47" s="130">
        <v>22573</v>
      </c>
      <c r="K47" s="130">
        <v>22566</v>
      </c>
      <c r="L47" s="130">
        <v>22504</v>
      </c>
      <c r="M47" s="130">
        <v>22473</v>
      </c>
      <c r="N47" s="130">
        <v>22415</v>
      </c>
      <c r="O47" s="130">
        <v>22390</v>
      </c>
      <c r="P47" s="61"/>
      <c r="Q47" s="115" t="s">
        <v>138</v>
      </c>
      <c r="R47" s="93"/>
      <c r="W47"/>
      <c r="X47"/>
      <c r="Y47"/>
      <c r="Z47"/>
    </row>
    <row r="48" spans="1:26" s="1" customFormat="1" ht="13.5" customHeight="1" thickBot="1">
      <c r="A48" s="133"/>
      <c r="B48" s="138"/>
      <c r="C48" s="83"/>
      <c r="D48" s="140"/>
      <c r="E48" s="140"/>
      <c r="F48" s="140"/>
      <c r="G48" s="140"/>
      <c r="H48" s="140"/>
      <c r="I48" s="140"/>
      <c r="J48" s="140"/>
      <c r="K48" s="140"/>
      <c r="L48" s="140"/>
      <c r="M48" s="140"/>
      <c r="N48" s="140"/>
      <c r="O48" s="140"/>
      <c r="P48" s="147"/>
      <c r="Q48" s="138"/>
      <c r="R48" s="148"/>
      <c r="W48"/>
      <c r="X48"/>
      <c r="Y48"/>
      <c r="Z48"/>
    </row>
    <row r="49" spans="23:26" s="1" customFormat="1" ht="9.75" customHeight="1">
      <c r="W49"/>
      <c r="X49"/>
      <c r="Y49"/>
      <c r="Z49"/>
    </row>
  </sheetData>
  <mergeCells count="6">
    <mergeCell ref="D1:I1"/>
    <mergeCell ref="A3:C3"/>
    <mergeCell ref="J3:O3"/>
    <mergeCell ref="P3:R3"/>
    <mergeCell ref="A4:C4"/>
    <mergeCell ref="P4:R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firstPageNumber="26" orientation="portrait" useFirstPageNumber="1" r:id="rId1"/>
  <headerFooter>
    <oddFooter>&amp;C&amp;"HGPｺﾞｼｯｸM,ﾒﾃﾞｨｳﾑ"&amp;9- &amp;P -</oddFoot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V28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75" style="1" customWidth="1"/>
    <col min="2" max="2" width="9.37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37.5" customHeight="1">
      <c r="A1" s="206" t="s">
        <v>170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22" ht="18.75" customHeight="1">
      <c r="A2" s="149"/>
      <c r="B2" s="149"/>
      <c r="C2" s="149"/>
      <c r="D2" s="149"/>
      <c r="E2" s="149"/>
      <c r="F2" s="149"/>
      <c r="G2" s="149"/>
      <c r="H2" s="149"/>
      <c r="I2" s="149"/>
      <c r="J2" s="149"/>
      <c r="K2" s="149"/>
    </row>
    <row r="3" spans="1:22" ht="18.75" customHeight="1" thickBot="1">
      <c r="A3" s="207" t="s">
        <v>171</v>
      </c>
      <c r="B3" s="207"/>
      <c r="C3" s="207"/>
      <c r="I3" s="248" t="s">
        <v>212</v>
      </c>
      <c r="J3" s="248"/>
      <c r="K3" s="248"/>
    </row>
    <row r="4" spans="1:22" ht="11.25" customHeight="1">
      <c r="A4" s="208" t="s">
        <v>172</v>
      </c>
      <c r="B4" s="209"/>
      <c r="C4" s="209"/>
      <c r="D4" s="231" t="s">
        <v>3</v>
      </c>
      <c r="E4" s="254" t="s">
        <v>173</v>
      </c>
      <c r="F4" s="238" t="s">
        <v>174</v>
      </c>
      <c r="G4" s="150"/>
      <c r="H4" s="151"/>
      <c r="I4" s="151"/>
      <c r="J4" s="151"/>
      <c r="K4" s="152"/>
    </row>
    <row r="5" spans="1:22" ht="11.25" customHeight="1">
      <c r="A5" s="210"/>
      <c r="B5" s="211"/>
      <c r="C5" s="211"/>
      <c r="D5" s="227"/>
      <c r="E5" s="255"/>
      <c r="F5" s="257"/>
      <c r="G5" s="153"/>
      <c r="H5" s="259" t="s">
        <v>7</v>
      </c>
      <c r="I5" s="154"/>
      <c r="J5" s="259" t="s">
        <v>8</v>
      </c>
      <c r="K5" s="155"/>
    </row>
    <row r="6" spans="1:22" ht="15" customHeight="1">
      <c r="A6" s="212"/>
      <c r="B6" s="213"/>
      <c r="C6" s="213"/>
      <c r="D6" s="227"/>
      <c r="E6" s="256"/>
      <c r="F6" s="258"/>
      <c r="G6" s="7" t="s">
        <v>9</v>
      </c>
      <c r="H6" s="227"/>
      <c r="I6" s="7" t="s">
        <v>9</v>
      </c>
      <c r="J6" s="227"/>
      <c r="K6" s="65" t="s">
        <v>9</v>
      </c>
    </row>
    <row r="7" spans="1:22" ht="10.5" customHeight="1">
      <c r="A7" s="9"/>
      <c r="B7" s="49"/>
      <c r="C7" s="49"/>
      <c r="D7" s="12" t="s">
        <v>10</v>
      </c>
      <c r="E7" s="12" t="s">
        <v>11</v>
      </c>
      <c r="F7" s="156" t="s">
        <v>10</v>
      </c>
      <c r="G7" s="12" t="s">
        <v>11</v>
      </c>
      <c r="H7" s="12" t="s">
        <v>10</v>
      </c>
      <c r="I7" s="12" t="s">
        <v>11</v>
      </c>
      <c r="J7" s="12" t="s">
        <v>10</v>
      </c>
      <c r="K7" s="14" t="s">
        <v>11</v>
      </c>
    </row>
    <row r="8" spans="1:22" ht="11.25" customHeight="1">
      <c r="A8" s="9"/>
      <c r="B8" s="49"/>
      <c r="C8" s="49"/>
      <c r="D8" s="12"/>
      <c r="E8" s="12"/>
      <c r="F8" s="156"/>
      <c r="G8" s="12"/>
      <c r="H8" s="12"/>
      <c r="I8" s="12"/>
      <c r="J8" s="12"/>
      <c r="K8" s="14"/>
    </row>
    <row r="9" spans="1:22" ht="25.5" customHeight="1">
      <c r="A9" s="60"/>
      <c r="B9" s="61" t="s">
        <v>76</v>
      </c>
      <c r="C9" s="49"/>
      <c r="D9" s="130">
        <v>9225091</v>
      </c>
      <c r="E9" s="157">
        <v>100</v>
      </c>
      <c r="F9" s="158">
        <v>-2810</v>
      </c>
      <c r="G9" s="159">
        <v>-0.03</v>
      </c>
      <c r="H9" s="130">
        <v>-43852</v>
      </c>
      <c r="I9" s="159">
        <v>-0.48</v>
      </c>
      <c r="J9" s="130">
        <v>41042</v>
      </c>
      <c r="K9" s="160">
        <v>0.44</v>
      </c>
    </row>
    <row r="10" spans="1:22" ht="25.5" customHeight="1">
      <c r="A10" s="60"/>
      <c r="B10" s="61" t="s">
        <v>161</v>
      </c>
      <c r="C10" s="49"/>
      <c r="D10" s="130">
        <v>3769220</v>
      </c>
      <c r="E10" s="157">
        <v>40.858350340392306</v>
      </c>
      <c r="F10" s="158">
        <v>-375</v>
      </c>
      <c r="G10" s="159">
        <v>-0.01</v>
      </c>
      <c r="H10" s="130">
        <v>-16492</v>
      </c>
      <c r="I10" s="159">
        <v>-0.44</v>
      </c>
      <c r="J10" s="130">
        <v>16117</v>
      </c>
      <c r="K10" s="160">
        <v>0.43</v>
      </c>
    </row>
    <row r="11" spans="1:22" ht="25.5" customHeight="1">
      <c r="A11" s="60"/>
      <c r="B11" s="61" t="s">
        <v>162</v>
      </c>
      <c r="C11" s="49"/>
      <c r="D11" s="130">
        <v>1545711</v>
      </c>
      <c r="E11" s="157">
        <v>16.755509512047091</v>
      </c>
      <c r="F11" s="158">
        <v>5195</v>
      </c>
      <c r="G11" s="159">
        <v>0.34</v>
      </c>
      <c r="H11" s="130">
        <v>-2361</v>
      </c>
      <c r="I11" s="159">
        <v>-0.15</v>
      </c>
      <c r="J11" s="130">
        <v>7556</v>
      </c>
      <c r="K11" s="160">
        <v>0.49</v>
      </c>
    </row>
    <row r="12" spans="1:22" ht="25.5" customHeight="1">
      <c r="A12" s="60"/>
      <c r="B12" s="61" t="s">
        <v>163</v>
      </c>
      <c r="C12" s="49"/>
      <c r="D12" s="130">
        <v>672771</v>
      </c>
      <c r="E12" s="157">
        <v>7.2928386289089184</v>
      </c>
      <c r="F12" s="158">
        <v>-6842</v>
      </c>
      <c r="G12" s="159">
        <v>-1.01</v>
      </c>
      <c r="H12" s="130">
        <v>-6770</v>
      </c>
      <c r="I12" s="159">
        <v>-1</v>
      </c>
      <c r="J12" s="130">
        <v>-72</v>
      </c>
      <c r="K12" s="160">
        <v>-0.01</v>
      </c>
    </row>
    <row r="13" spans="1:22" ht="25.5" customHeight="1">
      <c r="A13" s="60"/>
      <c r="B13" s="61" t="s">
        <v>165</v>
      </c>
      <c r="C13" s="49"/>
      <c r="D13" s="130">
        <v>1589712</v>
      </c>
      <c r="E13" s="157">
        <v>17.228485143013533</v>
      </c>
      <c r="F13" s="158">
        <v>-560</v>
      </c>
      <c r="G13" s="159">
        <v>-0.04</v>
      </c>
      <c r="H13" s="130">
        <v>-7654</v>
      </c>
      <c r="I13" s="159">
        <v>-0.48</v>
      </c>
      <c r="J13" s="130">
        <v>7094</v>
      </c>
      <c r="K13" s="160">
        <v>0.45</v>
      </c>
    </row>
    <row r="14" spans="1:22" ht="25.5" customHeight="1">
      <c r="A14" s="60"/>
      <c r="B14" s="61" t="s">
        <v>166</v>
      </c>
      <c r="C14" s="49"/>
      <c r="D14" s="130">
        <v>1317366</v>
      </c>
      <c r="E14" s="157">
        <v>14.280249376401816</v>
      </c>
      <c r="F14" s="158">
        <v>1748</v>
      </c>
      <c r="G14" s="159">
        <v>0.13</v>
      </c>
      <c r="H14" s="130">
        <v>-7344</v>
      </c>
      <c r="I14" s="159">
        <v>-0.56000000000000005</v>
      </c>
      <c r="J14" s="130">
        <v>9092</v>
      </c>
      <c r="K14" s="160">
        <v>0.69</v>
      </c>
    </row>
    <row r="15" spans="1:22" s="1" customFormat="1" ht="25.5" customHeight="1">
      <c r="A15" s="60"/>
      <c r="B15" s="61" t="s">
        <v>169</v>
      </c>
      <c r="C15" s="49"/>
      <c r="D15" s="130">
        <v>330311</v>
      </c>
      <c r="E15" s="157">
        <v>3.5805717255255263</v>
      </c>
      <c r="F15" s="158">
        <v>-1976</v>
      </c>
      <c r="G15" s="159">
        <v>-0.59</v>
      </c>
      <c r="H15" s="130">
        <v>-3231</v>
      </c>
      <c r="I15" s="159">
        <v>-0.97</v>
      </c>
      <c r="J15" s="130">
        <v>1255</v>
      </c>
      <c r="K15" s="160">
        <v>0.38</v>
      </c>
      <c r="S15"/>
      <c r="T15"/>
      <c r="U15"/>
      <c r="V15"/>
    </row>
    <row r="16" spans="1:22" s="1" customFormat="1" ht="15" customHeight="1" thickBot="1">
      <c r="A16" s="81"/>
      <c r="B16" s="83"/>
      <c r="C16" s="83"/>
      <c r="D16" s="140"/>
      <c r="E16" s="161"/>
      <c r="F16" s="162"/>
      <c r="G16" s="140"/>
      <c r="H16" s="140"/>
      <c r="I16" s="140"/>
      <c r="J16" s="140"/>
      <c r="K16" s="141"/>
      <c r="S16"/>
      <c r="T16"/>
      <c r="U16"/>
      <c r="V16"/>
    </row>
    <row r="17" spans="1:22" s="63" customFormat="1" ht="13.5" customHeight="1">
      <c r="A17" s="228" t="s">
        <v>213</v>
      </c>
      <c r="B17" s="228"/>
      <c r="C17" s="228"/>
      <c r="D17" s="228"/>
      <c r="E17" s="228"/>
      <c r="F17" s="228"/>
      <c r="G17" s="228"/>
      <c r="H17" s="228"/>
      <c r="I17" s="228"/>
      <c r="J17" s="228"/>
      <c r="K17" s="228"/>
      <c r="S17" s="64"/>
      <c r="T17" s="64"/>
      <c r="U17" s="64"/>
      <c r="V17" s="64"/>
    </row>
    <row r="21" spans="1:22" ht="18.75" customHeight="1">
      <c r="A21" s="253" t="s">
        <v>214</v>
      </c>
      <c r="B21" s="253"/>
      <c r="C21" s="253"/>
      <c r="D21" s="253"/>
      <c r="E21" s="253"/>
      <c r="F21" s="253"/>
      <c r="G21" s="253"/>
      <c r="H21" s="253"/>
      <c r="I21" s="253"/>
      <c r="J21" s="253"/>
      <c r="K21" s="253"/>
    </row>
    <row r="23" spans="1:22" ht="18.75" customHeight="1">
      <c r="B23" s="163" t="s">
        <v>161</v>
      </c>
      <c r="C23" s="164"/>
      <c r="D23" s="165" t="s">
        <v>175</v>
      </c>
      <c r="E23" s="252" t="s">
        <v>79</v>
      </c>
      <c r="F23" s="252"/>
      <c r="G23" s="252"/>
      <c r="H23" s="252"/>
      <c r="I23" s="252"/>
      <c r="J23" s="252"/>
      <c r="K23" s="252"/>
    </row>
    <row r="24" spans="1:22" ht="18.75" customHeight="1">
      <c r="B24" s="163" t="s">
        <v>162</v>
      </c>
      <c r="C24" s="164"/>
      <c r="D24" s="165" t="s">
        <v>175</v>
      </c>
      <c r="E24" s="252" t="s">
        <v>98</v>
      </c>
      <c r="F24" s="252"/>
      <c r="G24" s="252"/>
      <c r="H24" s="252"/>
      <c r="I24" s="252"/>
      <c r="J24" s="252"/>
      <c r="K24" s="252"/>
    </row>
    <row r="25" spans="1:22" ht="18.75" customHeight="1">
      <c r="B25" s="163" t="s">
        <v>163</v>
      </c>
      <c r="C25" s="164"/>
      <c r="D25" s="165" t="s">
        <v>175</v>
      </c>
      <c r="E25" s="252" t="s">
        <v>176</v>
      </c>
      <c r="F25" s="252"/>
      <c r="G25" s="252"/>
      <c r="H25" s="252"/>
      <c r="I25" s="252"/>
      <c r="J25" s="252"/>
      <c r="K25" s="252"/>
    </row>
    <row r="26" spans="1:22" ht="18.75" customHeight="1">
      <c r="B26" s="163" t="s">
        <v>165</v>
      </c>
      <c r="C26" s="164"/>
      <c r="D26" s="165" t="s">
        <v>175</v>
      </c>
      <c r="E26" s="252" t="s">
        <v>177</v>
      </c>
      <c r="F26" s="252"/>
      <c r="G26" s="252"/>
      <c r="H26" s="252"/>
      <c r="I26" s="252"/>
      <c r="J26" s="252"/>
      <c r="K26" s="252"/>
    </row>
    <row r="27" spans="1:22" ht="18.75" customHeight="1">
      <c r="B27" s="163" t="s">
        <v>166</v>
      </c>
      <c r="C27" s="164"/>
      <c r="D27" s="165" t="s">
        <v>175</v>
      </c>
      <c r="E27" s="252" t="s">
        <v>178</v>
      </c>
      <c r="F27" s="252"/>
      <c r="G27" s="252"/>
      <c r="H27" s="252"/>
      <c r="I27" s="252"/>
      <c r="J27" s="252"/>
      <c r="K27" s="252"/>
    </row>
    <row r="28" spans="1:22" ht="18.75" customHeight="1">
      <c r="B28" s="163" t="s">
        <v>169</v>
      </c>
      <c r="C28" s="164"/>
      <c r="D28" s="165" t="s">
        <v>175</v>
      </c>
      <c r="E28" s="252" t="s">
        <v>179</v>
      </c>
      <c r="F28" s="252"/>
      <c r="G28" s="252"/>
      <c r="H28" s="252"/>
      <c r="I28" s="252"/>
      <c r="J28" s="252"/>
      <c r="K28" s="252"/>
    </row>
  </sheetData>
  <mergeCells count="17">
    <mergeCell ref="A1:K1"/>
    <mergeCell ref="A3:C3"/>
    <mergeCell ref="I3:K3"/>
    <mergeCell ref="A4:C6"/>
    <mergeCell ref="D4:D6"/>
    <mergeCell ref="E4:E6"/>
    <mergeCell ref="F4:F6"/>
    <mergeCell ref="H5:H6"/>
    <mergeCell ref="J5:J6"/>
    <mergeCell ref="E27:K27"/>
    <mergeCell ref="E28:K28"/>
    <mergeCell ref="A17:K17"/>
    <mergeCell ref="A21:K21"/>
    <mergeCell ref="E23:K23"/>
    <mergeCell ref="E24:K24"/>
    <mergeCell ref="E25:K25"/>
    <mergeCell ref="E26:K26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  <headerFooter>
    <oddFooter>&amp;C&amp;"HGPｺﾞｼｯｸM,ﾒﾃﾞｨｳﾑ"&amp;9- 28 -</oddFoot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6">
    <pageSetUpPr fitToPage="1"/>
  </sheetPr>
  <dimension ref="A1:R75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2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18" ht="18.75" customHeight="1">
      <c r="A1" s="206" t="s">
        <v>180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18" ht="15" customHeight="1" thickBot="1">
      <c r="A2" s="207" t="s">
        <v>181</v>
      </c>
      <c r="B2" s="207"/>
      <c r="C2" s="207"/>
      <c r="I2" s="260" t="s">
        <v>210</v>
      </c>
      <c r="J2" s="260"/>
      <c r="K2" s="260"/>
    </row>
    <row r="3" spans="1:18" ht="15" customHeight="1">
      <c r="A3" s="208" t="s">
        <v>72</v>
      </c>
      <c r="B3" s="209"/>
      <c r="C3" s="209"/>
      <c r="D3" s="231" t="s">
        <v>3</v>
      </c>
      <c r="E3" s="231"/>
      <c r="F3" s="231"/>
      <c r="G3" s="214" t="s">
        <v>5</v>
      </c>
      <c r="H3" s="254" t="s">
        <v>182</v>
      </c>
      <c r="I3" s="254" t="s">
        <v>183</v>
      </c>
      <c r="J3" s="261" t="s">
        <v>184</v>
      </c>
      <c r="K3" s="223" t="s">
        <v>185</v>
      </c>
    </row>
    <row r="4" spans="1:18" ht="15" customHeight="1">
      <c r="A4" s="212"/>
      <c r="B4" s="213"/>
      <c r="C4" s="213"/>
      <c r="D4" s="8" t="s">
        <v>31</v>
      </c>
      <c r="E4" s="8" t="s">
        <v>151</v>
      </c>
      <c r="F4" s="8" t="s">
        <v>152</v>
      </c>
      <c r="G4" s="216"/>
      <c r="H4" s="216"/>
      <c r="I4" s="216"/>
      <c r="J4" s="262"/>
      <c r="K4" s="225"/>
    </row>
    <row r="5" spans="1:18" ht="10.5" customHeight="1">
      <c r="A5" s="9"/>
      <c r="B5" s="115"/>
      <c r="C5" s="49"/>
      <c r="D5" s="12" t="s">
        <v>10</v>
      </c>
      <c r="E5" s="12" t="s">
        <v>10</v>
      </c>
      <c r="F5" s="12" t="s">
        <v>10</v>
      </c>
      <c r="G5" s="12" t="s">
        <v>12</v>
      </c>
      <c r="H5" s="12" t="s">
        <v>10</v>
      </c>
      <c r="I5" s="12" t="s">
        <v>10</v>
      </c>
      <c r="J5" s="12"/>
      <c r="K5" s="14" t="s">
        <v>11</v>
      </c>
    </row>
    <row r="6" spans="1:18" ht="10.5" customHeight="1">
      <c r="A6" s="116"/>
      <c r="B6" s="117" t="s">
        <v>76</v>
      </c>
      <c r="C6" s="17"/>
      <c r="D6" s="18">
        <v>9225091</v>
      </c>
      <c r="E6" s="18">
        <v>4571614</v>
      </c>
      <c r="F6" s="18">
        <v>4653477</v>
      </c>
      <c r="G6" s="18">
        <v>4356329</v>
      </c>
      <c r="H6" s="166">
        <v>2.1176295454268952</v>
      </c>
      <c r="I6" s="18">
        <v>3817.8266951397163</v>
      </c>
      <c r="J6" s="167">
        <v>98.24082078841262</v>
      </c>
      <c r="K6" s="168">
        <v>100</v>
      </c>
    </row>
    <row r="7" spans="1:18" s="31" customFormat="1" ht="10.5" customHeight="1">
      <c r="A7" s="120"/>
      <c r="B7" s="121" t="s">
        <v>77</v>
      </c>
      <c r="C7" s="33"/>
      <c r="D7" s="122">
        <v>8940961</v>
      </c>
      <c r="E7" s="122">
        <v>4432004</v>
      </c>
      <c r="F7" s="122">
        <v>4508957</v>
      </c>
      <c r="G7" s="122">
        <v>4232530</v>
      </c>
      <c r="H7" s="169">
        <v>2.1124388958849671</v>
      </c>
      <c r="I7" s="122">
        <v>4939.7028762113123</v>
      </c>
      <c r="J7" s="170">
        <v>98.293330364427959</v>
      </c>
      <c r="K7" s="171">
        <v>96.920030382356117</v>
      </c>
      <c r="L7" s="30"/>
      <c r="M7" s="30"/>
      <c r="N7" s="30"/>
      <c r="O7" s="30"/>
      <c r="P7" s="30"/>
      <c r="Q7" s="30"/>
      <c r="R7" s="30"/>
    </row>
    <row r="8" spans="1:18" s="31" customFormat="1" ht="10.5" customHeight="1">
      <c r="A8" s="120"/>
      <c r="B8" s="121" t="s">
        <v>78</v>
      </c>
      <c r="C8" s="33"/>
      <c r="D8" s="122">
        <v>284130</v>
      </c>
      <c r="E8" s="122">
        <v>139610</v>
      </c>
      <c r="F8" s="122">
        <v>144520</v>
      </c>
      <c r="G8" s="122">
        <v>123799</v>
      </c>
      <c r="H8" s="169">
        <v>2.295091236601265</v>
      </c>
      <c r="I8" s="122">
        <v>468.6216621860105</v>
      </c>
      <c r="J8" s="170">
        <v>96.602546360365352</v>
      </c>
      <c r="K8" s="171">
        <v>3.0799696176438802</v>
      </c>
      <c r="L8" s="30"/>
      <c r="M8" s="30"/>
      <c r="N8" s="30"/>
      <c r="O8" s="30"/>
      <c r="P8" s="30"/>
      <c r="Q8" s="30"/>
      <c r="R8" s="30"/>
    </row>
    <row r="9" spans="1:18" ht="10.5" customHeight="1">
      <c r="A9" s="125"/>
      <c r="B9" s="126" t="s">
        <v>79</v>
      </c>
      <c r="C9" s="40"/>
      <c r="D9" s="127">
        <v>3769220</v>
      </c>
      <c r="E9" s="127">
        <v>1857980</v>
      </c>
      <c r="F9" s="127">
        <v>1911240</v>
      </c>
      <c r="G9" s="127">
        <v>1800110</v>
      </c>
      <c r="H9" s="172">
        <v>2.0938831515851808</v>
      </c>
      <c r="I9" s="127">
        <v>8605.328645464715</v>
      </c>
      <c r="J9" s="173">
        <v>97.213327473263433</v>
      </c>
      <c r="K9" s="174">
        <v>40.858350340392306</v>
      </c>
    </row>
    <row r="10" spans="1:18" ht="10.5" customHeight="1">
      <c r="A10" s="60"/>
      <c r="B10" s="115" t="s">
        <v>80</v>
      </c>
      <c r="C10" s="49"/>
      <c r="D10" s="130">
        <v>295648</v>
      </c>
      <c r="E10" s="130">
        <v>152546</v>
      </c>
      <c r="F10" s="130">
        <v>143102</v>
      </c>
      <c r="G10" s="130">
        <v>148477</v>
      </c>
      <c r="H10" s="159">
        <v>1.9912040248658041</v>
      </c>
      <c r="I10" s="130">
        <v>8899.6989765201688</v>
      </c>
      <c r="J10" s="175">
        <v>106.59948847675085</v>
      </c>
      <c r="K10" s="176">
        <v>3.2048247545742372</v>
      </c>
    </row>
    <row r="11" spans="1:18" ht="10.5" customHeight="1">
      <c r="A11" s="60"/>
      <c r="B11" s="115" t="s">
        <v>81</v>
      </c>
      <c r="C11" s="49"/>
      <c r="D11" s="130">
        <v>249672</v>
      </c>
      <c r="E11" s="130">
        <v>126965</v>
      </c>
      <c r="F11" s="130">
        <v>122707</v>
      </c>
      <c r="G11" s="130">
        <v>133811</v>
      </c>
      <c r="H11" s="159">
        <v>1.8658555724118346</v>
      </c>
      <c r="I11" s="130">
        <v>10521.365360303413</v>
      </c>
      <c r="J11" s="175">
        <v>103.47005468310691</v>
      </c>
      <c r="K11" s="176">
        <v>2.7064448469939215</v>
      </c>
    </row>
    <row r="12" spans="1:18" ht="10.5" customHeight="1">
      <c r="A12" s="60"/>
      <c r="B12" s="115" t="s">
        <v>82</v>
      </c>
      <c r="C12" s="49"/>
      <c r="D12" s="130">
        <v>106376</v>
      </c>
      <c r="E12" s="130">
        <v>53833</v>
      </c>
      <c r="F12" s="130">
        <v>52543</v>
      </c>
      <c r="G12" s="130">
        <v>59195</v>
      </c>
      <c r="H12" s="159">
        <v>1.7970436692288201</v>
      </c>
      <c r="I12" s="130">
        <v>15131.721194879088</v>
      </c>
      <c r="J12" s="175">
        <v>102.45513198713434</v>
      </c>
      <c r="K12" s="176">
        <v>1.1531159963625293</v>
      </c>
    </row>
    <row r="13" spans="1:18" ht="10.5" customHeight="1">
      <c r="A13" s="60"/>
      <c r="B13" s="115" t="s">
        <v>83</v>
      </c>
      <c r="C13" s="49"/>
      <c r="D13" s="130">
        <v>152133</v>
      </c>
      <c r="E13" s="130">
        <v>77152</v>
      </c>
      <c r="F13" s="130">
        <v>74981</v>
      </c>
      <c r="G13" s="130">
        <v>87787</v>
      </c>
      <c r="H13" s="159">
        <v>1.7329786870493353</v>
      </c>
      <c r="I13" s="130">
        <v>6997.8380864765413</v>
      </c>
      <c r="J13" s="175">
        <v>102.89540016804257</v>
      </c>
      <c r="K13" s="176">
        <v>1.6491219436209354</v>
      </c>
    </row>
    <row r="14" spans="1:18" ht="10.5" customHeight="1">
      <c r="A14" s="60"/>
      <c r="B14" s="115" t="s">
        <v>84</v>
      </c>
      <c r="C14" s="49"/>
      <c r="D14" s="130">
        <v>198852</v>
      </c>
      <c r="E14" s="130">
        <v>99164</v>
      </c>
      <c r="F14" s="130">
        <v>99688</v>
      </c>
      <c r="G14" s="130">
        <v>108002</v>
      </c>
      <c r="H14" s="159">
        <v>1.8411881261458121</v>
      </c>
      <c r="I14" s="130">
        <v>15719.525691699604</v>
      </c>
      <c r="J14" s="175">
        <v>99.474360003210023</v>
      </c>
      <c r="K14" s="176">
        <v>2.1555559722933899</v>
      </c>
    </row>
    <row r="15" spans="1:18" ht="10.5" customHeight="1">
      <c r="A15" s="60"/>
      <c r="B15" s="115" t="s">
        <v>85</v>
      </c>
      <c r="C15" s="49"/>
      <c r="D15" s="130">
        <v>213410</v>
      </c>
      <c r="E15" s="130">
        <v>103615</v>
      </c>
      <c r="F15" s="130">
        <v>109795</v>
      </c>
      <c r="G15" s="130">
        <v>97410</v>
      </c>
      <c r="H15" s="159">
        <v>2.1908428292783082</v>
      </c>
      <c r="I15" s="130">
        <v>10724.120603015077</v>
      </c>
      <c r="J15" s="175">
        <v>94.371328384716975</v>
      </c>
      <c r="K15" s="176">
        <v>2.3133647136922555</v>
      </c>
    </row>
    <row r="16" spans="1:18" ht="10.5" customHeight="1">
      <c r="A16" s="60"/>
      <c r="B16" s="115" t="s">
        <v>86</v>
      </c>
      <c r="C16" s="49"/>
      <c r="D16" s="130">
        <v>205757</v>
      </c>
      <c r="E16" s="130">
        <v>100769</v>
      </c>
      <c r="F16" s="130">
        <v>104988</v>
      </c>
      <c r="G16" s="130">
        <v>101108</v>
      </c>
      <c r="H16" s="159">
        <v>2.0350219567195476</v>
      </c>
      <c r="I16" s="130">
        <v>9382.4441404468762</v>
      </c>
      <c r="J16" s="175">
        <v>95.981445498533162</v>
      </c>
      <c r="K16" s="176">
        <v>2.2304061824430783</v>
      </c>
    </row>
    <row r="17" spans="1:11" ht="10.5" customHeight="1">
      <c r="A17" s="60"/>
      <c r="B17" s="115" t="s">
        <v>87</v>
      </c>
      <c r="C17" s="49"/>
      <c r="D17" s="130">
        <v>241425</v>
      </c>
      <c r="E17" s="130">
        <v>116092</v>
      </c>
      <c r="F17" s="130">
        <v>125333</v>
      </c>
      <c r="G17" s="130">
        <v>108425</v>
      </c>
      <c r="H17" s="159">
        <v>2.2266543693797556</v>
      </c>
      <c r="I17" s="130">
        <v>7376.2603116406972</v>
      </c>
      <c r="J17" s="175">
        <v>92.626842092665143</v>
      </c>
      <c r="K17" s="176">
        <v>2.6170473548716213</v>
      </c>
    </row>
    <row r="18" spans="1:11" ht="10.5" customHeight="1">
      <c r="A18" s="60"/>
      <c r="B18" s="115" t="s">
        <v>88</v>
      </c>
      <c r="C18" s="49"/>
      <c r="D18" s="130">
        <v>165004</v>
      </c>
      <c r="E18" s="130">
        <v>81095</v>
      </c>
      <c r="F18" s="130">
        <v>83909</v>
      </c>
      <c r="G18" s="130">
        <v>79916</v>
      </c>
      <c r="H18" s="159">
        <v>2.0647179538515443</v>
      </c>
      <c r="I18" s="130">
        <v>8661.627296587927</v>
      </c>
      <c r="J18" s="175">
        <v>96.646366897472262</v>
      </c>
      <c r="K18" s="176">
        <v>1.7886436025400725</v>
      </c>
    </row>
    <row r="19" spans="1:11" ht="10.5" customHeight="1">
      <c r="A19" s="60"/>
      <c r="B19" s="115" t="s">
        <v>89</v>
      </c>
      <c r="C19" s="49"/>
      <c r="D19" s="130">
        <v>194475</v>
      </c>
      <c r="E19" s="130">
        <v>94281</v>
      </c>
      <c r="F19" s="130">
        <v>100194</v>
      </c>
      <c r="G19" s="130">
        <v>90569</v>
      </c>
      <c r="H19" s="159">
        <v>2.1472578917731231</v>
      </c>
      <c r="I19" s="130">
        <v>6281.4922480620153</v>
      </c>
      <c r="J19" s="175">
        <v>94.098449008922685</v>
      </c>
      <c r="K19" s="176">
        <v>2.1081092858596193</v>
      </c>
    </row>
    <row r="20" spans="1:11" ht="10.5" customHeight="1">
      <c r="A20" s="60"/>
      <c r="B20" s="115" t="s">
        <v>90</v>
      </c>
      <c r="C20" s="49"/>
      <c r="D20" s="130">
        <v>363062</v>
      </c>
      <c r="E20" s="130">
        <v>180873</v>
      </c>
      <c r="F20" s="130">
        <v>182189</v>
      </c>
      <c r="G20" s="130">
        <v>181160</v>
      </c>
      <c r="H20" s="159">
        <v>2.0040958268933537</v>
      </c>
      <c r="I20" s="130">
        <v>11562.484076433122</v>
      </c>
      <c r="J20" s="175">
        <v>99.277673185538092</v>
      </c>
      <c r="K20" s="176">
        <v>3.9355926136663584</v>
      </c>
    </row>
    <row r="21" spans="1:11" ht="10.5" customHeight="1">
      <c r="A21" s="60"/>
      <c r="B21" s="115" t="s">
        <v>91</v>
      </c>
      <c r="C21" s="49"/>
      <c r="D21" s="130">
        <v>182807</v>
      </c>
      <c r="E21" s="130">
        <v>89736</v>
      </c>
      <c r="F21" s="130">
        <v>93071</v>
      </c>
      <c r="G21" s="130">
        <v>81668</v>
      </c>
      <c r="H21" s="159">
        <v>2.2384165156487241</v>
      </c>
      <c r="I21" s="130">
        <v>7166.0917287338298</v>
      </c>
      <c r="J21" s="175">
        <v>96.416714121477156</v>
      </c>
      <c r="K21" s="176">
        <v>1.981628148708777</v>
      </c>
    </row>
    <row r="22" spans="1:11" ht="10.5" customHeight="1">
      <c r="A22" s="60"/>
      <c r="B22" s="115" t="s">
        <v>92</v>
      </c>
      <c r="C22" s="49"/>
      <c r="D22" s="130">
        <v>309079</v>
      </c>
      <c r="E22" s="130">
        <v>148873</v>
      </c>
      <c r="F22" s="130">
        <v>160206</v>
      </c>
      <c r="G22" s="130">
        <v>135908</v>
      </c>
      <c r="H22" s="159">
        <v>2.2741781204932749</v>
      </c>
      <c r="I22" s="130">
        <v>8775.6672345258376</v>
      </c>
      <c r="J22" s="175">
        <v>92.925982797148677</v>
      </c>
      <c r="K22" s="176">
        <v>3.3504168143165201</v>
      </c>
    </row>
    <row r="23" spans="1:11" ht="10.5" customHeight="1">
      <c r="A23" s="60"/>
      <c r="B23" s="115" t="s">
        <v>93</v>
      </c>
      <c r="C23" s="49"/>
      <c r="D23" s="130">
        <v>215307</v>
      </c>
      <c r="E23" s="130">
        <v>105192</v>
      </c>
      <c r="F23" s="130">
        <v>110115</v>
      </c>
      <c r="G23" s="130">
        <v>88415</v>
      </c>
      <c r="H23" s="159">
        <v>2.4351863371599842</v>
      </c>
      <c r="I23" s="130">
        <v>7725.4036598493003</v>
      </c>
      <c r="J23" s="175">
        <v>95.529219452390677</v>
      </c>
      <c r="K23" s="176">
        <v>2.3339281964806635</v>
      </c>
    </row>
    <row r="24" spans="1:11" ht="10.5" customHeight="1">
      <c r="A24" s="60"/>
      <c r="B24" s="115" t="s">
        <v>94</v>
      </c>
      <c r="C24" s="49"/>
      <c r="D24" s="130">
        <v>283068</v>
      </c>
      <c r="E24" s="130">
        <v>137810</v>
      </c>
      <c r="F24" s="130">
        <v>145258</v>
      </c>
      <c r="G24" s="130">
        <v>125390</v>
      </c>
      <c r="H24" s="159">
        <v>2.2575005981338223</v>
      </c>
      <c r="I24" s="130">
        <v>7909.1366303436716</v>
      </c>
      <c r="J24" s="175">
        <v>94.8725715623236</v>
      </c>
      <c r="K24" s="176">
        <v>3.0684575360828417</v>
      </c>
    </row>
    <row r="25" spans="1:11" ht="10.5" customHeight="1">
      <c r="A25" s="60"/>
      <c r="B25" s="115" t="s">
        <v>95</v>
      </c>
      <c r="C25" s="49"/>
      <c r="D25" s="130">
        <v>120900</v>
      </c>
      <c r="E25" s="130">
        <v>58610</v>
      </c>
      <c r="F25" s="130">
        <v>62290</v>
      </c>
      <c r="G25" s="130">
        <v>54479</v>
      </c>
      <c r="H25" s="159">
        <v>2.2192037298775675</v>
      </c>
      <c r="I25" s="130">
        <v>6528.0777537796976</v>
      </c>
      <c r="J25" s="175">
        <v>94.092149622732379</v>
      </c>
      <c r="K25" s="176">
        <v>1.3105561777114176</v>
      </c>
    </row>
    <row r="26" spans="1:11" ht="10.5" customHeight="1">
      <c r="A26" s="60"/>
      <c r="B26" s="115" t="s">
        <v>96</v>
      </c>
      <c r="C26" s="49"/>
      <c r="D26" s="130">
        <v>150674</v>
      </c>
      <c r="E26" s="130">
        <v>72761</v>
      </c>
      <c r="F26" s="130">
        <v>77913</v>
      </c>
      <c r="G26" s="130">
        <v>64229</v>
      </c>
      <c r="H26" s="159">
        <v>2.3458873717479642</v>
      </c>
      <c r="I26" s="130">
        <v>6389.9067005937241</v>
      </c>
      <c r="J26" s="175">
        <v>93.387496309986787</v>
      </c>
      <c r="K26" s="176">
        <v>1.6333063814763453</v>
      </c>
    </row>
    <row r="27" spans="1:11" ht="10.5" customHeight="1">
      <c r="A27" s="60"/>
      <c r="B27" s="115" t="s">
        <v>97</v>
      </c>
      <c r="C27" s="49"/>
      <c r="D27" s="130">
        <v>121571</v>
      </c>
      <c r="E27" s="130">
        <v>58613</v>
      </c>
      <c r="F27" s="130">
        <v>62958</v>
      </c>
      <c r="G27" s="130">
        <v>54161</v>
      </c>
      <c r="H27" s="159">
        <v>2.2446225143553478</v>
      </c>
      <c r="I27" s="130">
        <v>7080.4309842748971</v>
      </c>
      <c r="J27" s="175">
        <v>93.098573652276116</v>
      </c>
      <c r="K27" s="176">
        <v>1.3178298186977233</v>
      </c>
    </row>
    <row r="28" spans="1:11" ht="10.5" customHeight="1">
      <c r="A28" s="125"/>
      <c r="B28" s="126" t="s">
        <v>98</v>
      </c>
      <c r="C28" s="40"/>
      <c r="D28" s="127">
        <v>1545711</v>
      </c>
      <c r="E28" s="127">
        <v>777763</v>
      </c>
      <c r="F28" s="127">
        <v>767948</v>
      </c>
      <c r="G28" s="127">
        <v>773052</v>
      </c>
      <c r="H28" s="172">
        <v>1.9994916254016548</v>
      </c>
      <c r="I28" s="127">
        <v>10812.192221600448</v>
      </c>
      <c r="J28" s="173">
        <v>101.27808132842328</v>
      </c>
      <c r="K28" s="174">
        <v>16.755509512047091</v>
      </c>
    </row>
    <row r="29" spans="1:11" ht="10.5" customHeight="1">
      <c r="A29" s="60"/>
      <c r="B29" s="115" t="s">
        <v>99</v>
      </c>
      <c r="C29" s="49"/>
      <c r="D29" s="130">
        <v>230829</v>
      </c>
      <c r="E29" s="130">
        <v>124228</v>
      </c>
      <c r="F29" s="130">
        <v>106601</v>
      </c>
      <c r="G29" s="130">
        <v>126203</v>
      </c>
      <c r="H29" s="159">
        <v>1.8290294208537039</v>
      </c>
      <c r="I29" s="130">
        <v>5845.2519625221576</v>
      </c>
      <c r="J29" s="175">
        <v>116.53549216236246</v>
      </c>
      <c r="K29" s="176">
        <v>2.5021866992965167</v>
      </c>
    </row>
    <row r="30" spans="1:11" ht="10.5" customHeight="1">
      <c r="A30" s="60"/>
      <c r="B30" s="115" t="s">
        <v>100</v>
      </c>
      <c r="C30" s="49"/>
      <c r="D30" s="130">
        <v>172558</v>
      </c>
      <c r="E30" s="130">
        <v>87255</v>
      </c>
      <c r="F30" s="130">
        <v>85303</v>
      </c>
      <c r="G30" s="130">
        <v>82599</v>
      </c>
      <c r="H30" s="159">
        <v>2.0891051949781474</v>
      </c>
      <c r="I30" s="130">
        <v>17238.561438561439</v>
      </c>
      <c r="J30" s="175">
        <v>102.2883134239124</v>
      </c>
      <c r="K30" s="176">
        <v>1.8705289736437289</v>
      </c>
    </row>
    <row r="31" spans="1:11" ht="10.5" customHeight="1">
      <c r="A31" s="60"/>
      <c r="B31" s="115" t="s">
        <v>101</v>
      </c>
      <c r="C31" s="49"/>
      <c r="D31" s="130">
        <v>266476</v>
      </c>
      <c r="E31" s="130">
        <v>134587</v>
      </c>
      <c r="F31" s="130">
        <v>131889</v>
      </c>
      <c r="G31" s="130">
        <v>139480</v>
      </c>
      <c r="H31" s="159">
        <v>1.9104961284772011</v>
      </c>
      <c r="I31" s="130">
        <v>18078.426051560378</v>
      </c>
      <c r="J31" s="175">
        <v>102.04565960770043</v>
      </c>
      <c r="K31" s="176">
        <v>2.8886002316941917</v>
      </c>
    </row>
    <row r="32" spans="1:11" ht="10.5" customHeight="1">
      <c r="A32" s="60"/>
      <c r="B32" s="115" t="s">
        <v>102</v>
      </c>
      <c r="C32" s="49"/>
      <c r="D32" s="130">
        <v>235001</v>
      </c>
      <c r="E32" s="130">
        <v>116321</v>
      </c>
      <c r="F32" s="130">
        <v>118680</v>
      </c>
      <c r="G32" s="130">
        <v>117625</v>
      </c>
      <c r="H32" s="159">
        <v>1.9978831030818278</v>
      </c>
      <c r="I32" s="130">
        <v>14364.364303178485</v>
      </c>
      <c r="J32" s="175">
        <v>98.012301988540614</v>
      </c>
      <c r="K32" s="176">
        <v>2.5474111854289565</v>
      </c>
    </row>
    <row r="33" spans="1:11" ht="10.5" customHeight="1">
      <c r="A33" s="60"/>
      <c r="B33" s="115" t="s">
        <v>103</v>
      </c>
      <c r="C33" s="49"/>
      <c r="D33" s="130">
        <v>235073</v>
      </c>
      <c r="E33" s="130">
        <v>113655</v>
      </c>
      <c r="F33" s="130">
        <v>121418</v>
      </c>
      <c r="G33" s="130">
        <v>106195</v>
      </c>
      <c r="H33" s="159">
        <v>2.2135976270069211</v>
      </c>
      <c r="I33" s="130">
        <v>12631.542181622784</v>
      </c>
      <c r="J33" s="175">
        <v>93.606384555831923</v>
      </c>
      <c r="K33" s="176">
        <v>2.5481916655347896</v>
      </c>
    </row>
    <row r="34" spans="1:11" ht="10.5" customHeight="1">
      <c r="A34" s="60"/>
      <c r="B34" s="115" t="s">
        <v>104</v>
      </c>
      <c r="C34" s="49"/>
      <c r="D34" s="130">
        <v>225282</v>
      </c>
      <c r="E34" s="130">
        <v>114674</v>
      </c>
      <c r="F34" s="130">
        <v>110608</v>
      </c>
      <c r="G34" s="130">
        <v>119055</v>
      </c>
      <c r="H34" s="159">
        <v>1.8922514804082147</v>
      </c>
      <c r="I34" s="130">
        <v>10989.365853658537</v>
      </c>
      <c r="J34" s="175">
        <v>103.67604513235933</v>
      </c>
      <c r="K34" s="176">
        <v>2.4420572111429579</v>
      </c>
    </row>
    <row r="35" spans="1:11" ht="10.5" customHeight="1">
      <c r="A35" s="60"/>
      <c r="B35" s="115" t="s">
        <v>105</v>
      </c>
      <c r="C35" s="49"/>
      <c r="D35" s="130">
        <v>180492</v>
      </c>
      <c r="E35" s="130">
        <v>87043</v>
      </c>
      <c r="F35" s="130">
        <v>93449</v>
      </c>
      <c r="G35" s="130">
        <v>81895</v>
      </c>
      <c r="H35" s="159">
        <v>2.2039440747298369</v>
      </c>
      <c r="I35" s="130">
        <v>7763.0967741935483</v>
      </c>
      <c r="J35" s="175">
        <v>93.144923969223854</v>
      </c>
      <c r="K35" s="176">
        <v>1.9565335453059489</v>
      </c>
    </row>
    <row r="36" spans="1:11" ht="10.5" customHeight="1">
      <c r="A36" s="125"/>
      <c r="B36" s="126" t="s">
        <v>106</v>
      </c>
      <c r="C36" s="40"/>
      <c r="D36" s="127">
        <v>724774</v>
      </c>
      <c r="E36" s="127">
        <v>360901</v>
      </c>
      <c r="F36" s="127">
        <v>363873</v>
      </c>
      <c r="G36" s="127">
        <v>345319</v>
      </c>
      <c r="H36" s="172">
        <v>2.0988535238431711</v>
      </c>
      <c r="I36" s="127">
        <v>2203.563284789152</v>
      </c>
      <c r="J36" s="173">
        <v>99.183231512093499</v>
      </c>
      <c r="K36" s="174">
        <v>7.8565512253483458</v>
      </c>
    </row>
    <row r="37" spans="1:11" ht="10.5" customHeight="1">
      <c r="A37" s="60"/>
      <c r="B37" s="115" t="s">
        <v>91</v>
      </c>
      <c r="C37" s="49"/>
      <c r="D37" s="130">
        <v>167392</v>
      </c>
      <c r="E37" s="130">
        <v>84030</v>
      </c>
      <c r="F37" s="130">
        <v>83362</v>
      </c>
      <c r="G37" s="130">
        <v>76886</v>
      </c>
      <c r="H37" s="159">
        <v>2.177145384075124</v>
      </c>
      <c r="I37" s="130">
        <v>659.20529279722757</v>
      </c>
      <c r="J37" s="175">
        <v>100.80132434442552</v>
      </c>
      <c r="K37" s="176">
        <v>1.8145295260502039</v>
      </c>
    </row>
    <row r="38" spans="1:11" ht="10.5" customHeight="1">
      <c r="A38" s="60"/>
      <c r="B38" s="115" t="s">
        <v>107</v>
      </c>
      <c r="C38" s="49"/>
      <c r="D38" s="130">
        <v>274356</v>
      </c>
      <c r="E38" s="130">
        <v>137019</v>
      </c>
      <c r="F38" s="130">
        <v>137337</v>
      </c>
      <c r="G38" s="130">
        <v>130128</v>
      </c>
      <c r="H38" s="159">
        <v>2.1083548506086314</v>
      </c>
      <c r="I38" s="130">
        <v>7441.171684296176</v>
      </c>
      <c r="J38" s="175">
        <v>99.768452784027602</v>
      </c>
      <c r="K38" s="176">
        <v>2.9740194432770366</v>
      </c>
    </row>
    <row r="39" spans="1:11" ht="10.5" customHeight="1">
      <c r="A39" s="60"/>
      <c r="B39" s="115" t="s">
        <v>84</v>
      </c>
      <c r="C39" s="49"/>
      <c r="D39" s="130">
        <v>283026</v>
      </c>
      <c r="E39" s="130">
        <v>139852</v>
      </c>
      <c r="F39" s="130">
        <v>143174</v>
      </c>
      <c r="G39" s="130">
        <v>138305</v>
      </c>
      <c r="H39" s="159">
        <v>2.0463902245038139</v>
      </c>
      <c r="I39" s="130">
        <v>7426.5547100498561</v>
      </c>
      <c r="J39" s="175">
        <v>97.679746322656342</v>
      </c>
      <c r="K39" s="176">
        <v>3.068002256021106</v>
      </c>
    </row>
    <row r="40" spans="1:11" ht="10.5" customHeight="1">
      <c r="A40" s="9"/>
      <c r="B40" s="115" t="s">
        <v>108</v>
      </c>
      <c r="C40" s="49"/>
      <c r="D40" s="130">
        <v>374325</v>
      </c>
      <c r="E40" s="130">
        <v>186221</v>
      </c>
      <c r="F40" s="130">
        <v>188104</v>
      </c>
      <c r="G40" s="130">
        <v>165952</v>
      </c>
      <c r="H40" s="159">
        <v>2.2556221075973775</v>
      </c>
      <c r="I40" s="130">
        <v>3713.1732962999699</v>
      </c>
      <c r="J40" s="175">
        <v>98.998958023221192</v>
      </c>
      <c r="K40" s="176">
        <v>4.0576835502218893</v>
      </c>
    </row>
    <row r="41" spans="1:11" ht="10.5" customHeight="1">
      <c r="A41" s="9"/>
      <c r="B41" s="115" t="s">
        <v>109</v>
      </c>
      <c r="C41" s="49"/>
      <c r="D41" s="130">
        <v>258500</v>
      </c>
      <c r="E41" s="130">
        <v>128938</v>
      </c>
      <c r="F41" s="130">
        <v>129562</v>
      </c>
      <c r="G41" s="130">
        <v>116967</v>
      </c>
      <c r="H41" s="159">
        <v>2.2100250498003708</v>
      </c>
      <c r="I41" s="130">
        <v>3811.5600117959307</v>
      </c>
      <c r="J41" s="175">
        <v>99.518377301986689</v>
      </c>
      <c r="K41" s="176">
        <v>2.8021403799702358</v>
      </c>
    </row>
    <row r="42" spans="1:11" ht="10.5" customHeight="1">
      <c r="A42" s="9"/>
      <c r="B42" s="115" t="s">
        <v>110</v>
      </c>
      <c r="C42" s="49"/>
      <c r="D42" s="130">
        <v>171272</v>
      </c>
      <c r="E42" s="130">
        <v>80371</v>
      </c>
      <c r="F42" s="130">
        <v>90901</v>
      </c>
      <c r="G42" s="130">
        <v>77069</v>
      </c>
      <c r="H42" s="159">
        <v>2.2223202584696828</v>
      </c>
      <c r="I42" s="130">
        <v>4318.5073121533032</v>
      </c>
      <c r="J42" s="175">
        <v>88.415969021242887</v>
      </c>
      <c r="K42" s="176">
        <v>1.8565887317534322</v>
      </c>
    </row>
    <row r="43" spans="1:11" ht="10.5" customHeight="1">
      <c r="A43" s="9"/>
      <c r="B43" s="115" t="s">
        <v>111</v>
      </c>
      <c r="C43" s="49"/>
      <c r="D43" s="130">
        <v>443827</v>
      </c>
      <c r="E43" s="130">
        <v>218911</v>
      </c>
      <c r="F43" s="130">
        <v>224916</v>
      </c>
      <c r="G43" s="130">
        <v>202197</v>
      </c>
      <c r="H43" s="159">
        <v>2.1950226759051814</v>
      </c>
      <c r="I43" s="130">
        <v>6380.4916618746402</v>
      </c>
      <c r="J43" s="175">
        <v>97.330114353803197</v>
      </c>
      <c r="K43" s="176">
        <v>4.811085332383171</v>
      </c>
    </row>
    <row r="44" spans="1:11" ht="10.5" customHeight="1">
      <c r="A44" s="9"/>
      <c r="B44" s="115" t="s">
        <v>112</v>
      </c>
      <c r="C44" s="49"/>
      <c r="D44" s="130">
        <v>186326</v>
      </c>
      <c r="E44" s="130">
        <v>90015</v>
      </c>
      <c r="F44" s="130">
        <v>96311</v>
      </c>
      <c r="G44" s="130">
        <v>84725</v>
      </c>
      <c r="H44" s="159">
        <v>2.1991856004721155</v>
      </c>
      <c r="I44" s="130">
        <v>1640.193661971831</v>
      </c>
      <c r="J44" s="175">
        <v>93.462844327231579</v>
      </c>
      <c r="K44" s="176">
        <v>2.0197741138813696</v>
      </c>
    </row>
    <row r="45" spans="1:11" ht="10.5" customHeight="1">
      <c r="A45" s="9"/>
      <c r="B45" s="115" t="s">
        <v>113</v>
      </c>
      <c r="C45" s="49"/>
      <c r="D45" s="130">
        <v>245728</v>
      </c>
      <c r="E45" s="130">
        <v>118982</v>
      </c>
      <c r="F45" s="130">
        <v>126746</v>
      </c>
      <c r="G45" s="130">
        <v>107474</v>
      </c>
      <c r="H45" s="159">
        <v>2.2863948489867316</v>
      </c>
      <c r="I45" s="130">
        <v>6883.1372549019607</v>
      </c>
      <c r="J45" s="175">
        <v>93.874362899026394</v>
      </c>
      <c r="K45" s="176">
        <v>2.6636918811966193</v>
      </c>
    </row>
    <row r="46" spans="1:11" ht="10.5" customHeight="1">
      <c r="A46" s="9"/>
      <c r="B46" s="115" t="s">
        <v>114</v>
      </c>
      <c r="C46" s="49"/>
      <c r="D46" s="130">
        <v>55988</v>
      </c>
      <c r="E46" s="130">
        <v>26127</v>
      </c>
      <c r="F46" s="130">
        <v>29861</v>
      </c>
      <c r="G46" s="130">
        <v>25104</v>
      </c>
      <c r="H46" s="159">
        <v>2.2302421924792863</v>
      </c>
      <c r="I46" s="130">
        <v>3240.0462962962961</v>
      </c>
      <c r="J46" s="175">
        <v>87.495395331703563</v>
      </c>
      <c r="K46" s="176">
        <v>0.60691000229699632</v>
      </c>
    </row>
    <row r="47" spans="1:11" ht="10.5" customHeight="1">
      <c r="A47" s="9"/>
      <c r="B47" s="115" t="s">
        <v>115</v>
      </c>
      <c r="C47" s="49"/>
      <c r="D47" s="130">
        <v>40123</v>
      </c>
      <c r="E47" s="130">
        <v>19170</v>
      </c>
      <c r="F47" s="130">
        <v>20953</v>
      </c>
      <c r="G47" s="130">
        <v>17136</v>
      </c>
      <c r="H47" s="159">
        <v>2.3414449112978524</v>
      </c>
      <c r="I47" s="130">
        <v>1251.8876755070205</v>
      </c>
      <c r="J47" s="175">
        <v>91.490478690402327</v>
      </c>
      <c r="K47" s="176">
        <v>0.43493337897696616</v>
      </c>
    </row>
    <row r="48" spans="1:11" ht="10.5" customHeight="1">
      <c r="A48" s="9"/>
      <c r="B48" s="115" t="s">
        <v>116</v>
      </c>
      <c r="C48" s="49"/>
      <c r="D48" s="130">
        <v>161221</v>
      </c>
      <c r="E48" s="130">
        <v>81406</v>
      </c>
      <c r="F48" s="130">
        <v>79815</v>
      </c>
      <c r="G48" s="130">
        <v>73003</v>
      </c>
      <c r="H48" s="159">
        <v>2.2084160924893497</v>
      </c>
      <c r="I48" s="130">
        <v>1553.7875867386276</v>
      </c>
      <c r="J48" s="175">
        <v>101.99335964417715</v>
      </c>
      <c r="K48" s="176">
        <v>1.7476358769794249</v>
      </c>
    </row>
    <row r="49" spans="1:11" ht="10.5" customHeight="1">
      <c r="A49" s="9"/>
      <c r="B49" s="115" t="s">
        <v>117</v>
      </c>
      <c r="C49" s="49"/>
      <c r="D49" s="130">
        <v>224060</v>
      </c>
      <c r="E49" s="130">
        <v>115407</v>
      </c>
      <c r="F49" s="130">
        <v>108653</v>
      </c>
      <c r="G49" s="130">
        <v>105135</v>
      </c>
      <c r="H49" s="159">
        <v>2.1311646930137442</v>
      </c>
      <c r="I49" s="130">
        <v>2387.68115942029</v>
      </c>
      <c r="J49" s="175">
        <v>106.21611920517611</v>
      </c>
      <c r="K49" s="176">
        <v>2.4288107293467349</v>
      </c>
    </row>
    <row r="50" spans="1:11" ht="10.5" customHeight="1">
      <c r="A50" s="9"/>
      <c r="B50" s="115" t="s">
        <v>118</v>
      </c>
      <c r="C50" s="49"/>
      <c r="D50" s="130">
        <v>243624</v>
      </c>
      <c r="E50" s="130">
        <v>121339</v>
      </c>
      <c r="F50" s="130">
        <v>122285</v>
      </c>
      <c r="G50" s="130">
        <v>115699</v>
      </c>
      <c r="H50" s="159">
        <v>2.1056707490989552</v>
      </c>
      <c r="I50" s="130">
        <v>8993.1339977851603</v>
      </c>
      <c r="J50" s="175">
        <v>99.226397350451805</v>
      </c>
      <c r="K50" s="176">
        <v>2.6408845181039404</v>
      </c>
    </row>
    <row r="51" spans="1:11" ht="10.5" customHeight="1">
      <c r="A51" s="9"/>
      <c r="B51" s="115" t="s">
        <v>119</v>
      </c>
      <c r="C51" s="49"/>
      <c r="D51" s="130">
        <v>101474</v>
      </c>
      <c r="E51" s="130">
        <v>51353</v>
      </c>
      <c r="F51" s="130">
        <v>50121</v>
      </c>
      <c r="G51" s="130">
        <v>47157</v>
      </c>
      <c r="H51" s="159">
        <v>2.1518332379074159</v>
      </c>
      <c r="I51" s="130">
        <v>1826.3858891288696</v>
      </c>
      <c r="J51" s="175">
        <v>102.4580515153329</v>
      </c>
      <c r="K51" s="176">
        <v>1.0999783091570587</v>
      </c>
    </row>
    <row r="52" spans="1:11" ht="10.5" customHeight="1">
      <c r="A52" s="9"/>
      <c r="B52" s="115" t="s">
        <v>120</v>
      </c>
      <c r="C52" s="49"/>
      <c r="D52" s="130">
        <v>140172</v>
      </c>
      <c r="E52" s="130">
        <v>70361</v>
      </c>
      <c r="F52" s="130">
        <v>69811</v>
      </c>
      <c r="G52" s="130">
        <v>62047</v>
      </c>
      <c r="H52" s="159">
        <v>2.2591261463084438</v>
      </c>
      <c r="I52" s="130">
        <v>5271.6058668672431</v>
      </c>
      <c r="J52" s="175">
        <v>100.78784145764995</v>
      </c>
      <c r="K52" s="176">
        <v>1.5194646860394114</v>
      </c>
    </row>
    <row r="53" spans="1:11" ht="10.5" customHeight="1">
      <c r="A53" s="9"/>
      <c r="B53" s="115" t="s">
        <v>121</v>
      </c>
      <c r="C53" s="49"/>
      <c r="D53" s="130">
        <v>131909</v>
      </c>
      <c r="E53" s="130">
        <v>65519</v>
      </c>
      <c r="F53" s="130">
        <v>66390</v>
      </c>
      <c r="G53" s="130">
        <v>62086</v>
      </c>
      <c r="H53" s="159">
        <v>2.1246174660954162</v>
      </c>
      <c r="I53" s="130">
        <v>7507.6266363118948</v>
      </c>
      <c r="J53" s="175">
        <v>98.688055430034652</v>
      </c>
      <c r="K53" s="176">
        <v>1.429893753893593</v>
      </c>
    </row>
    <row r="54" spans="1:11" ht="10.5" customHeight="1">
      <c r="A54" s="9"/>
      <c r="B54" s="115" t="s">
        <v>122</v>
      </c>
      <c r="C54" s="49"/>
      <c r="D54" s="130">
        <v>39748</v>
      </c>
      <c r="E54" s="130">
        <v>19402</v>
      </c>
      <c r="F54" s="130">
        <v>20346</v>
      </c>
      <c r="G54" s="130">
        <v>16671</v>
      </c>
      <c r="H54" s="159">
        <v>2.3842600923759822</v>
      </c>
      <c r="I54" s="130">
        <v>515.40456431535267</v>
      </c>
      <c r="J54" s="175">
        <v>95.360267374422492</v>
      </c>
      <c r="K54" s="176">
        <v>0.43086837842575215</v>
      </c>
    </row>
    <row r="55" spans="1:11" ht="10.5" customHeight="1">
      <c r="A55" s="9"/>
      <c r="B55" s="115" t="s">
        <v>123</v>
      </c>
      <c r="C55" s="49"/>
      <c r="D55" s="130">
        <v>82959</v>
      </c>
      <c r="E55" s="130">
        <v>41838</v>
      </c>
      <c r="F55" s="130">
        <v>41121</v>
      </c>
      <c r="G55" s="130">
        <v>35627</v>
      </c>
      <c r="H55" s="159">
        <v>2.3285429589917759</v>
      </c>
      <c r="I55" s="130">
        <v>3747.0189701897016</v>
      </c>
      <c r="J55" s="175">
        <v>101.74363463923544</v>
      </c>
      <c r="K55" s="176">
        <v>0.89927568194178242</v>
      </c>
    </row>
    <row r="56" spans="1:11" ht="10.5" customHeight="1">
      <c r="A56" s="9"/>
      <c r="B56" s="115" t="s">
        <v>124</v>
      </c>
      <c r="C56" s="49"/>
      <c r="D56" s="130">
        <v>31063</v>
      </c>
      <c r="E56" s="130">
        <v>14590</v>
      </c>
      <c r="F56" s="130">
        <v>16473</v>
      </c>
      <c r="G56" s="130">
        <v>13089</v>
      </c>
      <c r="H56" s="159">
        <v>2.3732141492856598</v>
      </c>
      <c r="I56" s="130">
        <v>1822.9460093896714</v>
      </c>
      <c r="J56" s="175">
        <v>88.569173799550782</v>
      </c>
      <c r="K56" s="176">
        <v>0.33672296565963411</v>
      </c>
    </row>
    <row r="57" spans="1:11" ht="10.5" customHeight="1">
      <c r="A57" s="9"/>
      <c r="B57" s="115" t="s">
        <v>125</v>
      </c>
      <c r="C57" s="49"/>
      <c r="D57" s="130">
        <v>48638</v>
      </c>
      <c r="E57" s="130">
        <v>24658</v>
      </c>
      <c r="F57" s="130">
        <v>23980</v>
      </c>
      <c r="G57" s="130">
        <v>20687</v>
      </c>
      <c r="H57" s="159">
        <v>2.3511383960941656</v>
      </c>
      <c r="I57" s="130">
        <v>3646.0269865067467</v>
      </c>
      <c r="J57" s="175">
        <v>102.82735613010843</v>
      </c>
      <c r="K57" s="176">
        <v>0.52723599149320044</v>
      </c>
    </row>
    <row r="58" spans="1:11" ht="10.5" customHeight="1">
      <c r="A58" s="125"/>
      <c r="B58" s="126" t="s">
        <v>126</v>
      </c>
      <c r="C58" s="40"/>
      <c r="D58" s="127">
        <v>57978</v>
      </c>
      <c r="E58" s="127">
        <v>27986</v>
      </c>
      <c r="F58" s="127">
        <v>29992</v>
      </c>
      <c r="G58" s="127">
        <v>24724</v>
      </c>
      <c r="H58" s="172">
        <v>2.3450088982365314</v>
      </c>
      <c r="I58" s="127">
        <v>2208.6857142857143</v>
      </c>
      <c r="J58" s="173">
        <v>93.311549746599098</v>
      </c>
      <c r="K58" s="174">
        <v>0.62848160522210572</v>
      </c>
    </row>
    <row r="59" spans="1:11" ht="10.5" customHeight="1">
      <c r="A59" s="60"/>
      <c r="B59" s="115" t="s">
        <v>127</v>
      </c>
      <c r="C59" s="49"/>
      <c r="D59" s="130">
        <v>31051</v>
      </c>
      <c r="E59" s="130">
        <v>15106</v>
      </c>
      <c r="F59" s="130">
        <v>15945</v>
      </c>
      <c r="G59" s="130">
        <v>12951</v>
      </c>
      <c r="H59" s="159">
        <v>2.3975754767971584</v>
      </c>
      <c r="I59" s="130">
        <v>1807.3923166472644</v>
      </c>
      <c r="J59" s="175">
        <v>94.738162433364693</v>
      </c>
      <c r="K59" s="176">
        <v>0.3365928856419953</v>
      </c>
    </row>
    <row r="60" spans="1:11" ht="10.5" customHeight="1">
      <c r="A60" s="60"/>
      <c r="B60" s="115" t="s">
        <v>128</v>
      </c>
      <c r="C60" s="49"/>
      <c r="D60" s="130">
        <v>26927</v>
      </c>
      <c r="E60" s="130">
        <v>12880</v>
      </c>
      <c r="F60" s="130">
        <v>14047</v>
      </c>
      <c r="G60" s="130">
        <v>11773</v>
      </c>
      <c r="H60" s="159">
        <v>2.2871825363119003</v>
      </c>
      <c r="I60" s="130">
        <v>2965.5286343612333</v>
      </c>
      <c r="J60" s="175">
        <v>91.69217626539475</v>
      </c>
      <c r="K60" s="176">
        <v>0.29188871958011037</v>
      </c>
    </row>
    <row r="61" spans="1:11" ht="10.5" customHeight="1">
      <c r="A61" s="125"/>
      <c r="B61" s="126" t="s">
        <v>129</v>
      </c>
      <c r="C61" s="40"/>
      <c r="D61" s="127">
        <v>64606</v>
      </c>
      <c r="E61" s="127">
        <v>31762</v>
      </c>
      <c r="F61" s="127">
        <v>32844</v>
      </c>
      <c r="G61" s="127">
        <v>26384</v>
      </c>
      <c r="H61" s="172">
        <v>2.4486810187992725</v>
      </c>
      <c r="I61" s="127">
        <v>213.02426800316542</v>
      </c>
      <c r="J61" s="173">
        <v>96.70563877725003</v>
      </c>
      <c r="K61" s="174">
        <v>0.70032913496463067</v>
      </c>
    </row>
    <row r="62" spans="1:11" ht="10.5" customHeight="1">
      <c r="A62" s="60"/>
      <c r="B62" s="115" t="s">
        <v>130</v>
      </c>
      <c r="C62" s="49"/>
      <c r="D62" s="130">
        <v>8933</v>
      </c>
      <c r="E62" s="130">
        <v>4447</v>
      </c>
      <c r="F62" s="130">
        <v>4486</v>
      </c>
      <c r="G62" s="130">
        <v>3435</v>
      </c>
      <c r="H62" s="159">
        <v>2.6005822416302764</v>
      </c>
      <c r="I62" s="130">
        <v>446.87343671835919</v>
      </c>
      <c r="J62" s="175">
        <v>99.13062862238074</v>
      </c>
      <c r="K62" s="176">
        <v>9.6833733130654215E-2</v>
      </c>
    </row>
    <row r="63" spans="1:11" ht="10.5" customHeight="1">
      <c r="A63" s="60"/>
      <c r="B63" s="115" t="s">
        <v>131</v>
      </c>
      <c r="C63" s="49"/>
      <c r="D63" s="130">
        <v>17317</v>
      </c>
      <c r="E63" s="130">
        <v>8483</v>
      </c>
      <c r="F63" s="130">
        <v>8834</v>
      </c>
      <c r="G63" s="130">
        <v>7105</v>
      </c>
      <c r="H63" s="159">
        <v>2.4372976776917663</v>
      </c>
      <c r="I63" s="130">
        <v>1204.2420027816411</v>
      </c>
      <c r="J63" s="175">
        <v>96.026714964908308</v>
      </c>
      <c r="K63" s="176">
        <v>0.18771630545433102</v>
      </c>
    </row>
    <row r="64" spans="1:11" ht="10.5" customHeight="1">
      <c r="A64" s="60"/>
      <c r="B64" s="115" t="s">
        <v>132</v>
      </c>
      <c r="C64" s="49"/>
      <c r="D64" s="130">
        <v>10324</v>
      </c>
      <c r="E64" s="130">
        <v>5136</v>
      </c>
      <c r="F64" s="130">
        <v>5188</v>
      </c>
      <c r="G64" s="130">
        <v>4525</v>
      </c>
      <c r="H64" s="159">
        <v>2.2815469613259669</v>
      </c>
      <c r="I64" s="130">
        <v>273.48344370860929</v>
      </c>
      <c r="J64" s="175">
        <v>98.997686969930612</v>
      </c>
      <c r="K64" s="176">
        <v>0.11191217517529095</v>
      </c>
    </row>
    <row r="65" spans="1:11" ht="10.5" customHeight="1">
      <c r="A65" s="60"/>
      <c r="B65" s="115" t="s">
        <v>133</v>
      </c>
      <c r="C65" s="49"/>
      <c r="D65" s="130">
        <v>9208</v>
      </c>
      <c r="E65" s="130">
        <v>4562</v>
      </c>
      <c r="F65" s="130">
        <v>4646</v>
      </c>
      <c r="G65" s="130">
        <v>3943</v>
      </c>
      <c r="H65" s="159">
        <v>2.3352777073294444</v>
      </c>
      <c r="I65" s="130">
        <v>40.995503316860336</v>
      </c>
      <c r="J65" s="175">
        <v>98.191993112354709</v>
      </c>
      <c r="K65" s="176">
        <v>9.9814733534877867E-2</v>
      </c>
    </row>
    <row r="66" spans="1:11" ht="10.5" customHeight="1">
      <c r="A66" s="60"/>
      <c r="B66" s="115" t="s">
        <v>134</v>
      </c>
      <c r="C66" s="49"/>
      <c r="D66" s="130">
        <v>18824</v>
      </c>
      <c r="E66" s="130">
        <v>9134</v>
      </c>
      <c r="F66" s="130">
        <v>9690</v>
      </c>
      <c r="G66" s="130">
        <v>7376</v>
      </c>
      <c r="H66" s="159">
        <v>2.5520607375271149</v>
      </c>
      <c r="I66" s="130">
        <v>2873.8931297709923</v>
      </c>
      <c r="J66" s="175">
        <v>94.262125902992778</v>
      </c>
      <c r="K66" s="176">
        <v>0.20405218766947664</v>
      </c>
    </row>
    <row r="67" spans="1:11" ht="10.5" customHeight="1">
      <c r="A67" s="125"/>
      <c r="B67" s="126" t="s">
        <v>135</v>
      </c>
      <c r="C67" s="40"/>
      <c r="D67" s="127">
        <v>39631</v>
      </c>
      <c r="E67" s="127">
        <v>18557</v>
      </c>
      <c r="F67" s="127">
        <v>21074</v>
      </c>
      <c r="G67" s="127">
        <v>20110</v>
      </c>
      <c r="H67" s="172">
        <v>1.9707110890104427</v>
      </c>
      <c r="I67" s="127">
        <v>281.33030453609712</v>
      </c>
      <c r="J67" s="173">
        <v>88.056372781626649</v>
      </c>
      <c r="K67" s="174">
        <v>0.42960009825377332</v>
      </c>
    </row>
    <row r="68" spans="1:11" ht="10.5" customHeight="1">
      <c r="A68" s="60"/>
      <c r="B68" s="115" t="s">
        <v>136</v>
      </c>
      <c r="C68" s="49"/>
      <c r="D68" s="130">
        <v>10957</v>
      </c>
      <c r="E68" s="130">
        <v>5249</v>
      </c>
      <c r="F68" s="130">
        <v>5708</v>
      </c>
      <c r="G68" s="130">
        <v>6452</v>
      </c>
      <c r="H68" s="159">
        <v>1.6982331060136391</v>
      </c>
      <c r="I68" s="130">
        <v>117.99483092827913</v>
      </c>
      <c r="J68" s="175">
        <v>91.958654519971972</v>
      </c>
      <c r="K68" s="176">
        <v>0.11877389610574032</v>
      </c>
    </row>
    <row r="69" spans="1:11" ht="10.5" customHeight="1">
      <c r="A69" s="60"/>
      <c r="B69" s="115" t="s">
        <v>137</v>
      </c>
      <c r="C69" s="49"/>
      <c r="D69" s="130">
        <v>6301</v>
      </c>
      <c r="E69" s="130">
        <v>2917</v>
      </c>
      <c r="F69" s="130">
        <v>3384</v>
      </c>
      <c r="G69" s="130">
        <v>2909</v>
      </c>
      <c r="H69" s="159">
        <v>2.1660364386387077</v>
      </c>
      <c r="I69" s="130">
        <v>893.75886524822693</v>
      </c>
      <c r="J69" s="175">
        <v>86.199763593380624</v>
      </c>
      <c r="K69" s="176">
        <v>6.8302849261866361E-2</v>
      </c>
    </row>
    <row r="70" spans="1:11" ht="10.5" customHeight="1">
      <c r="A70" s="60"/>
      <c r="B70" s="115" t="s">
        <v>138</v>
      </c>
      <c r="C70" s="49"/>
      <c r="D70" s="130">
        <v>22373</v>
      </c>
      <c r="E70" s="130">
        <v>10391</v>
      </c>
      <c r="F70" s="130">
        <v>11982</v>
      </c>
      <c r="G70" s="130">
        <v>10749</v>
      </c>
      <c r="H70" s="159">
        <v>2.0814029212019722</v>
      </c>
      <c r="I70" s="130">
        <v>546.08249938979748</v>
      </c>
      <c r="J70" s="175">
        <v>86.721749290602574</v>
      </c>
      <c r="K70" s="176">
        <v>0.24252335288616664</v>
      </c>
    </row>
    <row r="71" spans="1:11" ht="10.5" customHeight="1">
      <c r="A71" s="125"/>
      <c r="B71" s="126" t="s">
        <v>139</v>
      </c>
      <c r="C71" s="40"/>
      <c r="D71" s="127">
        <v>42214</v>
      </c>
      <c r="E71" s="127">
        <v>22057</v>
      </c>
      <c r="F71" s="127">
        <v>20157</v>
      </c>
      <c r="G71" s="127">
        <v>18805</v>
      </c>
      <c r="H71" s="172">
        <v>2.2448285030576973</v>
      </c>
      <c r="I71" s="127">
        <v>400.05686125852918</v>
      </c>
      <c r="J71" s="173">
        <v>109.42600585404574</v>
      </c>
      <c r="K71" s="174">
        <v>0.45759982205053584</v>
      </c>
    </row>
    <row r="72" spans="1:11" ht="10.5" customHeight="1">
      <c r="A72" s="60"/>
      <c r="B72" s="115" t="s">
        <v>140</v>
      </c>
      <c r="C72" s="49"/>
      <c r="D72" s="130">
        <v>39300</v>
      </c>
      <c r="E72" s="130">
        <v>20567</v>
      </c>
      <c r="F72" s="130">
        <v>18733</v>
      </c>
      <c r="G72" s="130">
        <v>17668</v>
      </c>
      <c r="H72" s="159">
        <v>2.2243604256282543</v>
      </c>
      <c r="I72" s="130">
        <v>1146.4410735122519</v>
      </c>
      <c r="J72" s="175">
        <v>109.79020979020979</v>
      </c>
      <c r="K72" s="176">
        <v>0.426012057767235</v>
      </c>
    </row>
    <row r="73" spans="1:11" ht="10.5" customHeight="1" thickBot="1">
      <c r="A73" s="133"/>
      <c r="B73" s="138" t="s">
        <v>141</v>
      </c>
      <c r="C73" s="139"/>
      <c r="D73" s="140">
        <v>2914</v>
      </c>
      <c r="E73" s="140">
        <v>1490</v>
      </c>
      <c r="F73" s="140">
        <v>1424</v>
      </c>
      <c r="G73" s="140">
        <v>1137</v>
      </c>
      <c r="H73" s="177">
        <v>2.5628847845206684</v>
      </c>
      <c r="I73" s="140">
        <v>40.903986524424482</v>
      </c>
      <c r="J73" s="178">
        <v>104.63483146067416</v>
      </c>
      <c r="K73" s="179">
        <v>3.1587764283300838E-2</v>
      </c>
    </row>
    <row r="74" spans="1:11" ht="13.5" customHeight="1">
      <c r="A74" s="180" t="s">
        <v>211</v>
      </c>
    </row>
    <row r="75" spans="1:11">
      <c r="A75" s="181"/>
    </row>
  </sheetData>
  <mergeCells count="10">
    <mergeCell ref="A1:K1"/>
    <mergeCell ref="A2:C2"/>
    <mergeCell ref="I2:K2"/>
    <mergeCell ref="A3:C4"/>
    <mergeCell ref="D3:F3"/>
    <mergeCell ref="G3:G4"/>
    <mergeCell ref="H3:H4"/>
    <mergeCell ref="I3:I4"/>
    <mergeCell ref="J3:J4"/>
    <mergeCell ref="K3:K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9" orientation="portrait" r:id="rId1"/>
  <headerFooter>
    <oddFooter>&amp;C&amp;"HGPｺﾞｼｯｸM,ﾒﾃﾞｨｳﾑ"&amp;9- 29 -</oddFoot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9"/>
  <dimension ref="A1:U27"/>
  <sheetViews>
    <sheetView view="pageBreakPreview" zoomScaleNormal="115" zoomScaleSheetLayoutView="100" workbookViewId="0">
      <selection sqref="A1:L1"/>
    </sheetView>
  </sheetViews>
  <sheetFormatPr defaultRowHeight="14.25"/>
  <cols>
    <col min="1" max="1" width="0.625" style="1" customWidth="1"/>
    <col min="2" max="2" width="15.625" style="1" customWidth="1"/>
    <col min="3" max="3" width="0.625" style="1" customWidth="1"/>
    <col min="4" max="4" width="7.875" style="1" customWidth="1"/>
    <col min="5" max="7" width="7.625" style="1" customWidth="1"/>
    <col min="8" max="10" width="7.25" style="1" customWidth="1"/>
    <col min="11" max="11" width="7.5" style="1" customWidth="1"/>
    <col min="12" max="18" width="6.875" style="1" customWidth="1"/>
  </cols>
  <sheetData>
    <row r="1" spans="1:12" ht="18.75" customHeight="1">
      <c r="A1" s="206" t="s">
        <v>18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</row>
    <row r="2" spans="1:12" ht="15" customHeight="1" thickBot="1">
      <c r="A2" s="207" t="s">
        <v>187</v>
      </c>
      <c r="B2" s="207"/>
      <c r="C2" s="207"/>
      <c r="L2" s="182"/>
    </row>
    <row r="3" spans="1:12" ht="15" customHeight="1">
      <c r="A3" s="208" t="s">
        <v>2</v>
      </c>
      <c r="B3" s="209"/>
      <c r="C3" s="209"/>
      <c r="D3" s="214" t="s">
        <v>5</v>
      </c>
      <c r="E3" s="231" t="s">
        <v>3</v>
      </c>
      <c r="F3" s="231"/>
      <c r="G3" s="231"/>
      <c r="H3" s="231" t="s">
        <v>188</v>
      </c>
      <c r="I3" s="231"/>
      <c r="J3" s="231"/>
      <c r="K3" s="254" t="s">
        <v>182</v>
      </c>
      <c r="L3" s="223" t="s">
        <v>189</v>
      </c>
    </row>
    <row r="4" spans="1:12" ht="15" customHeight="1">
      <c r="A4" s="212"/>
      <c r="B4" s="213"/>
      <c r="C4" s="213"/>
      <c r="D4" s="216"/>
      <c r="E4" s="8" t="s">
        <v>31</v>
      </c>
      <c r="F4" s="8" t="s">
        <v>151</v>
      </c>
      <c r="G4" s="8" t="s">
        <v>152</v>
      </c>
      <c r="H4" s="8" t="s">
        <v>190</v>
      </c>
      <c r="I4" s="8" t="s">
        <v>73</v>
      </c>
      <c r="J4" s="8" t="s">
        <v>9</v>
      </c>
      <c r="K4" s="256"/>
      <c r="L4" s="225"/>
    </row>
    <row r="5" spans="1:12" ht="10.5" customHeight="1">
      <c r="A5" s="9"/>
      <c r="B5" s="49"/>
      <c r="C5" s="49"/>
      <c r="D5" s="12" t="s">
        <v>12</v>
      </c>
      <c r="E5" s="12" t="s">
        <v>10</v>
      </c>
      <c r="F5" s="12" t="s">
        <v>10</v>
      </c>
      <c r="G5" s="12" t="s">
        <v>10</v>
      </c>
      <c r="H5" s="12" t="s">
        <v>12</v>
      </c>
      <c r="I5" s="12" t="s">
        <v>191</v>
      </c>
      <c r="J5" s="12" t="s">
        <v>192</v>
      </c>
      <c r="K5" s="12" t="s">
        <v>10</v>
      </c>
      <c r="L5" s="14" t="s">
        <v>10</v>
      </c>
    </row>
    <row r="6" spans="1:12" ht="34.9" customHeight="1">
      <c r="A6" s="9"/>
      <c r="B6" s="183">
        <v>44105</v>
      </c>
      <c r="C6" s="49"/>
      <c r="D6" s="62">
        <v>4223706</v>
      </c>
      <c r="E6" s="62">
        <v>9237337</v>
      </c>
      <c r="F6" s="62">
        <v>4588268</v>
      </c>
      <c r="G6" s="62">
        <v>4649069</v>
      </c>
      <c r="H6" s="62">
        <v>244428</v>
      </c>
      <c r="I6" s="62">
        <v>111123</v>
      </c>
      <c r="J6" s="184">
        <v>1.2176352647439561</v>
      </c>
      <c r="K6" s="184">
        <v>2.1870217766103988</v>
      </c>
      <c r="L6" s="72">
        <v>3823</v>
      </c>
    </row>
    <row r="7" spans="1:12" ht="34.9" customHeight="1">
      <c r="A7" s="9"/>
      <c r="B7" s="183">
        <v>42278</v>
      </c>
      <c r="C7" s="49"/>
      <c r="D7" s="62">
        <v>3979278</v>
      </c>
      <c r="E7" s="62">
        <v>9126214</v>
      </c>
      <c r="F7" s="62">
        <v>4558978</v>
      </c>
      <c r="G7" s="62">
        <v>4567236</v>
      </c>
      <c r="H7" s="62">
        <v>134753</v>
      </c>
      <c r="I7" s="62">
        <v>77883</v>
      </c>
      <c r="J7" s="184">
        <v>0.86074437374141155</v>
      </c>
      <c r="K7" s="184">
        <v>2.2934346381428994</v>
      </c>
      <c r="L7" s="72">
        <v>3778</v>
      </c>
    </row>
    <row r="8" spans="1:12" ht="34.9" customHeight="1">
      <c r="A8" s="9"/>
      <c r="B8" s="183">
        <v>40452</v>
      </c>
      <c r="C8" s="49"/>
      <c r="D8" s="62">
        <v>3844525</v>
      </c>
      <c r="E8" s="62">
        <v>9048331</v>
      </c>
      <c r="F8" s="62">
        <v>4544545</v>
      </c>
      <c r="G8" s="62">
        <v>4503786</v>
      </c>
      <c r="H8" s="62">
        <v>252659</v>
      </c>
      <c r="I8" s="62">
        <v>256734</v>
      </c>
      <c r="J8" s="184">
        <v>2.9202202967219719</v>
      </c>
      <c r="K8" s="184">
        <v>2.3535627938431927</v>
      </c>
      <c r="L8" s="72">
        <v>3745</v>
      </c>
    </row>
    <row r="9" spans="1:12" ht="34.9" customHeight="1">
      <c r="A9" s="9"/>
      <c r="B9" s="183">
        <v>38626</v>
      </c>
      <c r="C9" s="49"/>
      <c r="D9" s="62">
        <v>3591866</v>
      </c>
      <c r="E9" s="62">
        <v>8791597</v>
      </c>
      <c r="F9" s="62">
        <v>4444555</v>
      </c>
      <c r="G9" s="62">
        <v>4347042</v>
      </c>
      <c r="H9" s="62">
        <v>250633</v>
      </c>
      <c r="I9" s="62">
        <v>301623</v>
      </c>
      <c r="J9" s="184">
        <v>3.5526963922386572</v>
      </c>
      <c r="K9" s="184">
        <v>2.4476405857011367</v>
      </c>
      <c r="L9" s="72">
        <v>3639</v>
      </c>
    </row>
    <row r="10" spans="1:12" ht="34.9" customHeight="1">
      <c r="A10" s="9"/>
      <c r="B10" s="183">
        <v>36800</v>
      </c>
      <c r="C10" s="49"/>
      <c r="D10" s="62">
        <v>3341233</v>
      </c>
      <c r="E10" s="62">
        <v>8489974</v>
      </c>
      <c r="F10" s="62">
        <v>4308786</v>
      </c>
      <c r="G10" s="62">
        <v>4181188</v>
      </c>
      <c r="H10" s="62">
        <v>247235</v>
      </c>
      <c r="I10" s="62">
        <v>244074</v>
      </c>
      <c r="J10" s="184">
        <v>2.9599437296110795</v>
      </c>
      <c r="K10" s="184">
        <v>2.5409703543572086</v>
      </c>
      <c r="L10" s="72">
        <v>3515</v>
      </c>
    </row>
    <row r="11" spans="1:12" ht="34.9" customHeight="1">
      <c r="A11" s="9"/>
      <c r="B11" s="183">
        <v>34973</v>
      </c>
      <c r="C11" s="49"/>
      <c r="D11" s="62">
        <v>3093998</v>
      </c>
      <c r="E11" s="62">
        <v>8245900</v>
      </c>
      <c r="F11" s="62">
        <v>4209525</v>
      </c>
      <c r="G11" s="62">
        <v>4036375</v>
      </c>
      <c r="H11" s="62">
        <v>246186</v>
      </c>
      <c r="I11" s="62">
        <v>265509</v>
      </c>
      <c r="J11" s="184">
        <v>3.327017435611864</v>
      </c>
      <c r="K11" s="184">
        <v>2.6651277731918377</v>
      </c>
      <c r="L11" s="72">
        <v>3416</v>
      </c>
    </row>
    <row r="12" spans="1:12" ht="34.9" customHeight="1">
      <c r="A12" s="9"/>
      <c r="B12" s="183">
        <v>33147</v>
      </c>
      <c r="C12" s="49"/>
      <c r="D12" s="62">
        <v>2847812</v>
      </c>
      <c r="E12" s="62">
        <v>7980391</v>
      </c>
      <c r="F12" s="62">
        <v>4098147</v>
      </c>
      <c r="G12" s="62">
        <v>3882244</v>
      </c>
      <c r="H12" s="62">
        <v>355963</v>
      </c>
      <c r="I12" s="62">
        <v>548417</v>
      </c>
      <c r="J12" s="184">
        <v>7.3791566009245999</v>
      </c>
      <c r="K12" s="184">
        <v>2.8022885639922861</v>
      </c>
      <c r="L12" s="72">
        <v>3308</v>
      </c>
    </row>
    <row r="13" spans="1:12" ht="34.9" customHeight="1">
      <c r="A13" s="9"/>
      <c r="B13" s="183">
        <v>31321</v>
      </c>
      <c r="C13" s="49"/>
      <c r="D13" s="62">
        <v>2491849</v>
      </c>
      <c r="E13" s="62">
        <v>7431974</v>
      </c>
      <c r="F13" s="62">
        <v>3804081</v>
      </c>
      <c r="G13" s="62">
        <v>3627893</v>
      </c>
      <c r="H13" s="62">
        <v>233200</v>
      </c>
      <c r="I13" s="62">
        <v>507626</v>
      </c>
      <c r="J13" s="184">
        <v>7.3310295785249373</v>
      </c>
      <c r="K13" s="184">
        <v>2.9825137879542458</v>
      </c>
      <c r="L13" s="72">
        <v>3094</v>
      </c>
    </row>
    <row r="14" spans="1:12" ht="34.9" customHeight="1">
      <c r="A14" s="9"/>
      <c r="B14" s="183">
        <v>29495</v>
      </c>
      <c r="C14" s="49"/>
      <c r="D14" s="62">
        <v>2258649</v>
      </c>
      <c r="E14" s="62">
        <v>6924348</v>
      </c>
      <c r="F14" s="62">
        <v>3536021</v>
      </c>
      <c r="G14" s="62">
        <v>3388327</v>
      </c>
      <c r="H14" s="62">
        <v>352182</v>
      </c>
      <c r="I14" s="62">
        <v>526600</v>
      </c>
      <c r="J14" s="184">
        <v>8.2310212906166349</v>
      </c>
      <c r="K14" s="184">
        <v>3.0657034359920465</v>
      </c>
      <c r="L14" s="72">
        <v>2889</v>
      </c>
    </row>
    <row r="15" spans="1:12" ht="34.9" customHeight="1">
      <c r="A15" s="9"/>
      <c r="B15" s="183">
        <v>27668</v>
      </c>
      <c r="C15" s="49"/>
      <c r="D15" s="62">
        <v>1906467</v>
      </c>
      <c r="E15" s="62">
        <v>6397748</v>
      </c>
      <c r="F15" s="62">
        <v>3287118</v>
      </c>
      <c r="G15" s="62">
        <v>3110630</v>
      </c>
      <c r="H15" s="62">
        <v>371840</v>
      </c>
      <c r="I15" s="62">
        <v>925501</v>
      </c>
      <c r="J15" s="184">
        <v>16.912632050417315</v>
      </c>
      <c r="K15" s="184">
        <v>3.3558136595073504</v>
      </c>
      <c r="L15" s="72">
        <v>2676</v>
      </c>
    </row>
    <row r="16" spans="1:12" ht="34.9" customHeight="1">
      <c r="A16" s="9"/>
      <c r="B16" s="183">
        <v>25842</v>
      </c>
      <c r="C16" s="49"/>
      <c r="D16" s="62">
        <v>1534627</v>
      </c>
      <c r="E16" s="62">
        <v>5472247</v>
      </c>
      <c r="F16" s="62">
        <v>2822212</v>
      </c>
      <c r="G16" s="62">
        <v>2650035</v>
      </c>
      <c r="H16" s="62">
        <v>384785</v>
      </c>
      <c r="I16" s="62">
        <v>1041504</v>
      </c>
      <c r="J16" s="184">
        <v>23.506305827261929</v>
      </c>
      <c r="K16" s="184">
        <v>3.5658482484668914</v>
      </c>
      <c r="L16" s="72">
        <v>2295</v>
      </c>
    </row>
    <row r="17" spans="1:21" ht="34.9" customHeight="1">
      <c r="A17" s="9"/>
      <c r="B17" s="183">
        <v>24016</v>
      </c>
      <c r="C17" s="49"/>
      <c r="D17" s="62">
        <v>1149842</v>
      </c>
      <c r="E17" s="62">
        <v>4430743</v>
      </c>
      <c r="F17" s="62">
        <v>2280926</v>
      </c>
      <c r="G17" s="62">
        <v>2149817</v>
      </c>
      <c r="H17" s="62">
        <v>332846</v>
      </c>
      <c r="I17" s="62">
        <v>987567</v>
      </c>
      <c r="J17" s="184">
        <v>28.6818623271073</v>
      </c>
      <c r="K17" s="184">
        <v>3.8533494167024687</v>
      </c>
      <c r="L17" s="72">
        <v>1866</v>
      </c>
    </row>
    <row r="18" spans="1:21" ht="34.9" customHeight="1">
      <c r="A18" s="9"/>
      <c r="B18" s="183">
        <v>22190</v>
      </c>
      <c r="C18" s="49"/>
      <c r="D18" s="62">
        <v>816996</v>
      </c>
      <c r="E18" s="62">
        <v>3443176</v>
      </c>
      <c r="F18" s="62">
        <v>1746926</v>
      </c>
      <c r="G18" s="62">
        <v>1696250</v>
      </c>
      <c r="H18" s="62">
        <v>191377</v>
      </c>
      <c r="I18" s="62">
        <v>523679</v>
      </c>
      <c r="J18" s="184">
        <v>17.937302213360727</v>
      </c>
      <c r="K18" s="184">
        <v>4.2144343423958013</v>
      </c>
      <c r="L18" s="72">
        <v>1458</v>
      </c>
    </row>
    <row r="19" spans="1:21" ht="34.9" customHeight="1">
      <c r="A19" s="9"/>
      <c r="B19" s="183">
        <v>20363</v>
      </c>
      <c r="C19" s="49"/>
      <c r="D19" s="62">
        <v>625619</v>
      </c>
      <c r="E19" s="62">
        <v>2919497</v>
      </c>
      <c r="F19" s="62">
        <v>1470415</v>
      </c>
      <c r="G19" s="62">
        <v>1449082</v>
      </c>
      <c r="H19" s="62">
        <v>101705</v>
      </c>
      <c r="I19" s="62">
        <v>431832</v>
      </c>
      <c r="J19" s="184">
        <v>17.358928955466272</v>
      </c>
      <c r="K19" s="184">
        <v>4.6665734256792071</v>
      </c>
      <c r="L19" s="72">
        <v>1236</v>
      </c>
    </row>
    <row r="20" spans="1:21" ht="34.9" customHeight="1">
      <c r="A20" s="9"/>
      <c r="B20" s="183">
        <v>18537</v>
      </c>
      <c r="C20" s="49"/>
      <c r="D20" s="62">
        <v>523914</v>
      </c>
      <c r="E20" s="62">
        <v>2487665</v>
      </c>
      <c r="F20" s="62">
        <v>1247934</v>
      </c>
      <c r="G20" s="62">
        <v>1239731</v>
      </c>
      <c r="H20" s="62">
        <v>57963</v>
      </c>
      <c r="I20" s="62">
        <v>269545</v>
      </c>
      <c r="J20" s="184">
        <v>12.15195751357005</v>
      </c>
      <c r="K20" s="184">
        <v>4.7482315799921357</v>
      </c>
      <c r="L20" s="72">
        <v>1054</v>
      </c>
    </row>
    <row r="21" spans="1:21" ht="34.9" customHeight="1">
      <c r="A21" s="9"/>
      <c r="B21" s="185" t="s">
        <v>193</v>
      </c>
      <c r="C21" s="49"/>
      <c r="D21" s="62">
        <v>465951</v>
      </c>
      <c r="E21" s="62">
        <v>2218120</v>
      </c>
      <c r="F21" s="62">
        <v>1115111</v>
      </c>
      <c r="G21" s="62">
        <v>1103009</v>
      </c>
      <c r="H21" s="62">
        <v>34722</v>
      </c>
      <c r="I21" s="62">
        <v>29146</v>
      </c>
      <c r="J21" s="184">
        <v>1.3314913744978241</v>
      </c>
      <c r="K21" s="184">
        <v>4.7604147217196662</v>
      </c>
      <c r="L21" s="72">
        <v>943</v>
      </c>
    </row>
    <row r="22" spans="1:21" ht="34.9" customHeight="1">
      <c r="A22" s="9"/>
      <c r="B22" s="183">
        <v>14885</v>
      </c>
      <c r="C22" s="49"/>
      <c r="D22" s="62">
        <v>431229</v>
      </c>
      <c r="E22" s="62">
        <v>2188974</v>
      </c>
      <c r="F22" s="62">
        <v>1137936</v>
      </c>
      <c r="G22" s="62">
        <v>1051038</v>
      </c>
      <c r="H22" s="62">
        <v>72913</v>
      </c>
      <c r="I22" s="62">
        <v>348969</v>
      </c>
      <c r="J22" s="184">
        <v>18.965654984633193</v>
      </c>
      <c r="K22" s="184">
        <v>5.0761289245389341</v>
      </c>
      <c r="L22" s="72">
        <v>930</v>
      </c>
    </row>
    <row r="23" spans="1:21" ht="34.9" customHeight="1">
      <c r="A23" s="9"/>
      <c r="B23" s="183">
        <v>13058</v>
      </c>
      <c r="C23" s="49"/>
      <c r="D23" s="62">
        <v>358316</v>
      </c>
      <c r="E23" s="62">
        <v>1840005</v>
      </c>
      <c r="F23" s="62">
        <v>951348</v>
      </c>
      <c r="G23" s="62">
        <v>888657</v>
      </c>
      <c r="H23" s="62">
        <v>35053</v>
      </c>
      <c r="I23" s="62">
        <v>220399</v>
      </c>
      <c r="J23" s="184">
        <v>13.608186188492757</v>
      </c>
      <c r="K23" s="184">
        <v>5.1351460721820965</v>
      </c>
      <c r="L23" s="72">
        <v>782</v>
      </c>
    </row>
    <row r="24" spans="1:21" ht="34.9" customHeight="1">
      <c r="A24" s="9"/>
      <c r="B24" s="183">
        <v>11232</v>
      </c>
      <c r="C24" s="49"/>
      <c r="D24" s="62">
        <v>323263</v>
      </c>
      <c r="E24" s="62">
        <v>1619606</v>
      </c>
      <c r="F24" s="62">
        <v>839309</v>
      </c>
      <c r="G24" s="62">
        <v>780297</v>
      </c>
      <c r="H24" s="62">
        <v>35486</v>
      </c>
      <c r="I24" s="62">
        <v>202814</v>
      </c>
      <c r="J24" s="184">
        <v>14.315015895064342</v>
      </c>
      <c r="K24" s="184">
        <v>5.0101805650507485</v>
      </c>
      <c r="L24" s="72">
        <v>688</v>
      </c>
    </row>
    <row r="25" spans="1:21" ht="34.9" customHeight="1">
      <c r="A25" s="9"/>
      <c r="B25" s="183">
        <v>9406</v>
      </c>
      <c r="C25" s="49"/>
      <c r="D25" s="62">
        <v>287777</v>
      </c>
      <c r="E25" s="62">
        <v>1416792</v>
      </c>
      <c r="F25" s="62">
        <v>739699</v>
      </c>
      <c r="G25" s="62">
        <v>677093</v>
      </c>
      <c r="H25" s="62">
        <v>26635</v>
      </c>
      <c r="I25" s="62">
        <v>93402</v>
      </c>
      <c r="J25" s="184">
        <v>7.0577834198535587</v>
      </c>
      <c r="K25" s="184">
        <v>4.923228750039093</v>
      </c>
      <c r="L25" s="72">
        <v>602</v>
      </c>
    </row>
    <row r="26" spans="1:21" ht="34.9" customHeight="1">
      <c r="A26" s="9"/>
      <c r="B26" s="183">
        <v>7580</v>
      </c>
      <c r="C26" s="49"/>
      <c r="D26" s="62">
        <v>261142</v>
      </c>
      <c r="E26" s="62">
        <v>1323390</v>
      </c>
      <c r="F26" s="62">
        <v>689751</v>
      </c>
      <c r="G26" s="62">
        <v>633639</v>
      </c>
      <c r="H26" s="186" t="s">
        <v>194</v>
      </c>
      <c r="I26" s="186" t="s">
        <v>194</v>
      </c>
      <c r="J26" s="186" t="s">
        <v>194</v>
      </c>
      <c r="K26" s="184">
        <v>5.067702629220884</v>
      </c>
      <c r="L26" s="72">
        <v>563</v>
      </c>
    </row>
    <row r="27" spans="1:21" s="1" customFormat="1" ht="3.75" customHeight="1" thickBot="1">
      <c r="A27" s="81"/>
      <c r="B27" s="83"/>
      <c r="C27" s="83"/>
      <c r="D27" s="140"/>
      <c r="E27" s="140"/>
      <c r="F27" s="140"/>
      <c r="G27" s="140"/>
      <c r="H27" s="140"/>
      <c r="I27" s="140"/>
      <c r="J27" s="140"/>
      <c r="K27" s="177"/>
      <c r="L27" s="141"/>
      <c r="S27"/>
      <c r="T27"/>
      <c r="U27"/>
    </row>
  </sheetData>
  <mergeCells count="8">
    <mergeCell ref="A1:L1"/>
    <mergeCell ref="A2:C2"/>
    <mergeCell ref="A3:C4"/>
    <mergeCell ref="D3:D4"/>
    <mergeCell ref="E3:G3"/>
    <mergeCell ref="H3:J3"/>
    <mergeCell ref="K3:K4"/>
    <mergeCell ref="L3:L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6" orientation="portrait" r:id="rId1"/>
  <headerFooter>
    <oddFooter>&amp;C&amp;"HGPｺﾞｼｯｸM,ﾒﾃﾞｨｳﾑ"&amp;9- 30 -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1">
    <pageSetUpPr fitToPage="1"/>
  </sheetPr>
  <dimension ref="A1:S74"/>
  <sheetViews>
    <sheetView view="pageBreakPreview" zoomScaleNormal="115" zoomScaleSheetLayoutView="100" workbookViewId="0">
      <selection sqref="A1:L1"/>
    </sheetView>
  </sheetViews>
  <sheetFormatPr defaultRowHeight="14.25"/>
  <cols>
    <col min="1" max="1" width="1.75" style="1" customWidth="1"/>
    <col min="2" max="2" width="7.625" style="1" customWidth="1"/>
    <col min="3" max="3" width="1.25" style="1" customWidth="1"/>
    <col min="4" max="10" width="7.75" style="1" customWidth="1"/>
    <col min="11" max="12" width="7.5" style="1" customWidth="1"/>
    <col min="13" max="19" width="6.875" style="1" customWidth="1"/>
  </cols>
  <sheetData>
    <row r="1" spans="1:19" ht="18.75" customHeight="1">
      <c r="A1" s="206" t="s">
        <v>16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</row>
    <row r="2" spans="1:19" ht="15" customHeight="1" thickBot="1">
      <c r="A2" s="207" t="s">
        <v>17</v>
      </c>
      <c r="B2" s="207"/>
      <c r="C2" s="207"/>
      <c r="K2" s="3"/>
      <c r="L2" s="3"/>
    </row>
    <row r="3" spans="1:19" ht="15" customHeight="1">
      <c r="A3" s="208" t="s">
        <v>2</v>
      </c>
      <c r="B3" s="209"/>
      <c r="C3" s="209"/>
      <c r="D3" s="230" t="s">
        <v>4</v>
      </c>
      <c r="E3" s="214" t="s">
        <v>7</v>
      </c>
      <c r="F3" s="231"/>
      <c r="G3" s="231"/>
      <c r="H3" s="214" t="s">
        <v>8</v>
      </c>
      <c r="I3" s="231"/>
      <c r="J3" s="231"/>
      <c r="K3" s="220" t="s">
        <v>18</v>
      </c>
      <c r="L3" s="232" t="s">
        <v>19</v>
      </c>
    </row>
    <row r="4" spans="1:19" ht="15" customHeight="1">
      <c r="A4" s="212"/>
      <c r="B4" s="213"/>
      <c r="C4" s="213"/>
      <c r="D4" s="227"/>
      <c r="E4" s="8"/>
      <c r="F4" s="7" t="s">
        <v>20</v>
      </c>
      <c r="G4" s="7" t="s">
        <v>21</v>
      </c>
      <c r="H4" s="8"/>
      <c r="I4" s="7" t="s">
        <v>22</v>
      </c>
      <c r="J4" s="7" t="s">
        <v>23</v>
      </c>
      <c r="K4" s="222"/>
      <c r="L4" s="225"/>
    </row>
    <row r="5" spans="1:19" ht="10.5" customHeight="1">
      <c r="A5" s="9"/>
      <c r="B5" s="49"/>
      <c r="C5" s="49"/>
      <c r="D5" s="12" t="s">
        <v>10</v>
      </c>
      <c r="E5" s="12" t="s">
        <v>10</v>
      </c>
      <c r="F5" s="12" t="s">
        <v>10</v>
      </c>
      <c r="G5" s="12" t="s">
        <v>10</v>
      </c>
      <c r="H5" s="12" t="s">
        <v>10</v>
      </c>
      <c r="I5" s="12" t="s">
        <v>10</v>
      </c>
      <c r="J5" s="12" t="s">
        <v>10</v>
      </c>
      <c r="K5" s="11"/>
      <c r="L5" s="14"/>
    </row>
    <row r="6" spans="1:19" ht="12" customHeight="1">
      <c r="A6" s="50"/>
      <c r="B6" s="16" t="s">
        <v>228</v>
      </c>
      <c r="C6" s="17"/>
      <c r="D6" s="51">
        <v>-2810</v>
      </c>
      <c r="E6" s="51">
        <v>-43852</v>
      </c>
      <c r="F6" s="51">
        <v>55876</v>
      </c>
      <c r="G6" s="51">
        <v>99728</v>
      </c>
      <c r="H6" s="51">
        <v>41042</v>
      </c>
      <c r="I6" s="51">
        <v>506632</v>
      </c>
      <c r="J6" s="51">
        <v>465590</v>
      </c>
      <c r="K6" s="52">
        <v>6.1</v>
      </c>
      <c r="L6" s="53">
        <v>10.8</v>
      </c>
    </row>
    <row r="7" spans="1:19" s="31" customFormat="1" ht="12" customHeight="1">
      <c r="A7" s="32"/>
      <c r="B7" s="54">
        <v>4</v>
      </c>
      <c r="C7" s="33"/>
      <c r="D7" s="34">
        <v>-3276</v>
      </c>
      <c r="E7" s="34">
        <v>-40970</v>
      </c>
      <c r="F7" s="34">
        <v>58118</v>
      </c>
      <c r="G7" s="34">
        <v>99088</v>
      </c>
      <c r="H7" s="34">
        <v>37694</v>
      </c>
      <c r="I7" s="34">
        <v>505665</v>
      </c>
      <c r="J7" s="34">
        <v>467971</v>
      </c>
      <c r="K7" s="55">
        <v>6.3</v>
      </c>
      <c r="L7" s="56">
        <v>10.7</v>
      </c>
      <c r="M7" s="30"/>
      <c r="N7" s="30"/>
      <c r="O7" s="30"/>
      <c r="P7" s="30"/>
      <c r="Q7" s="30"/>
      <c r="R7" s="30"/>
      <c r="S7" s="30"/>
    </row>
    <row r="8" spans="1:19" ht="12" customHeight="1">
      <c r="A8" s="32"/>
      <c r="B8" s="54">
        <v>3</v>
      </c>
      <c r="C8" s="33"/>
      <c r="D8" s="34">
        <v>-5160</v>
      </c>
      <c r="E8" s="34">
        <v>-29983</v>
      </c>
      <c r="F8" s="34">
        <v>60549</v>
      </c>
      <c r="G8" s="34">
        <v>90532</v>
      </c>
      <c r="H8" s="34">
        <v>24823</v>
      </c>
      <c r="I8" s="34">
        <v>488358</v>
      </c>
      <c r="J8" s="34">
        <v>463535</v>
      </c>
      <c r="K8" s="55">
        <v>6.6</v>
      </c>
      <c r="L8" s="56">
        <v>9.8000000000000007</v>
      </c>
    </row>
    <row r="9" spans="1:19" ht="12" customHeight="1">
      <c r="A9" s="38"/>
      <c r="B9" s="57" t="s">
        <v>196</v>
      </c>
      <c r="C9" s="40"/>
      <c r="D9" s="41">
        <v>34512</v>
      </c>
      <c r="E9" s="41">
        <v>-22407</v>
      </c>
      <c r="F9" s="41">
        <v>62882</v>
      </c>
      <c r="G9" s="41">
        <v>85289</v>
      </c>
      <c r="H9" s="41">
        <v>56919</v>
      </c>
      <c r="I9" s="41">
        <v>532374</v>
      </c>
      <c r="J9" s="41">
        <v>475455</v>
      </c>
      <c r="K9" s="58">
        <v>6.8</v>
      </c>
      <c r="L9" s="59">
        <v>9.3000000000000007</v>
      </c>
    </row>
    <row r="10" spans="1:19" ht="12" customHeight="1">
      <c r="A10" s="45"/>
      <c r="B10" s="54" t="s">
        <v>197</v>
      </c>
      <c r="C10" s="33"/>
      <c r="D10" s="34">
        <v>20200</v>
      </c>
      <c r="E10" s="34">
        <v>-19600</v>
      </c>
      <c r="F10" s="34">
        <v>64905</v>
      </c>
      <c r="G10" s="34">
        <v>84505</v>
      </c>
      <c r="H10" s="34">
        <v>39800</v>
      </c>
      <c r="I10" s="34">
        <v>514781</v>
      </c>
      <c r="J10" s="34">
        <v>474981</v>
      </c>
      <c r="K10" s="55">
        <v>7.1</v>
      </c>
      <c r="L10" s="56">
        <v>9.1999999999999993</v>
      </c>
    </row>
    <row r="11" spans="1:19" ht="12" customHeight="1">
      <c r="A11" s="45"/>
      <c r="B11" s="54">
        <v>30</v>
      </c>
      <c r="C11" s="33"/>
      <c r="D11" s="34">
        <v>18346</v>
      </c>
      <c r="E11" s="34">
        <v>-14771</v>
      </c>
      <c r="F11" s="34">
        <v>68228</v>
      </c>
      <c r="G11" s="34">
        <v>82999</v>
      </c>
      <c r="H11" s="34">
        <v>33117</v>
      </c>
      <c r="I11" s="34">
        <v>507579</v>
      </c>
      <c r="J11" s="34">
        <v>474462</v>
      </c>
      <c r="K11" s="55">
        <v>7.4</v>
      </c>
      <c r="L11" s="56">
        <v>9</v>
      </c>
    </row>
    <row r="12" spans="1:19" ht="12" customHeight="1">
      <c r="A12" s="45"/>
      <c r="B12" s="54">
        <v>29</v>
      </c>
      <c r="C12" s="33"/>
      <c r="D12" s="34">
        <v>15879</v>
      </c>
      <c r="E12" s="34">
        <v>-11083</v>
      </c>
      <c r="F12" s="34">
        <v>69902</v>
      </c>
      <c r="G12" s="34">
        <v>80985</v>
      </c>
      <c r="H12" s="34">
        <v>26962</v>
      </c>
      <c r="I12" s="34">
        <v>496793</v>
      </c>
      <c r="J12" s="34">
        <v>469831</v>
      </c>
      <c r="K12" s="55">
        <v>7.6</v>
      </c>
      <c r="L12" s="56">
        <v>8.8000000000000007</v>
      </c>
    </row>
    <row r="13" spans="1:19" ht="12" customHeight="1">
      <c r="A13" s="32"/>
      <c r="B13" s="54">
        <v>28</v>
      </c>
      <c r="C13" s="33"/>
      <c r="D13" s="34">
        <v>19363</v>
      </c>
      <c r="E13" s="34">
        <v>-5354</v>
      </c>
      <c r="F13" s="34">
        <v>72795</v>
      </c>
      <c r="G13" s="34">
        <v>78149</v>
      </c>
      <c r="H13" s="34">
        <v>24717</v>
      </c>
      <c r="I13" s="34">
        <v>486889</v>
      </c>
      <c r="J13" s="34">
        <v>462172</v>
      </c>
      <c r="K13" s="55">
        <v>8</v>
      </c>
      <c r="L13" s="56">
        <v>8.5</v>
      </c>
    </row>
    <row r="14" spans="1:19" ht="12" customHeight="1">
      <c r="A14" s="38"/>
      <c r="B14" s="57" t="s">
        <v>198</v>
      </c>
      <c r="C14" s="40"/>
      <c r="D14" s="41">
        <v>27691</v>
      </c>
      <c r="E14" s="41">
        <v>-1492</v>
      </c>
      <c r="F14" s="41">
        <v>75189</v>
      </c>
      <c r="G14" s="41">
        <v>76681</v>
      </c>
      <c r="H14" s="41">
        <v>29183</v>
      </c>
      <c r="I14" s="41">
        <v>521832</v>
      </c>
      <c r="J14" s="41">
        <v>492649</v>
      </c>
      <c r="K14" s="58">
        <v>8.2455154338164931</v>
      </c>
      <c r="L14" s="59">
        <v>8.4091339023059568</v>
      </c>
    </row>
    <row r="15" spans="1:19" ht="12" customHeight="1">
      <c r="A15" s="45"/>
      <c r="B15" s="54">
        <v>26</v>
      </c>
      <c r="C15" s="33"/>
      <c r="D15" s="34">
        <v>16507</v>
      </c>
      <c r="E15" s="34">
        <v>-285</v>
      </c>
      <c r="F15" s="34">
        <v>74459</v>
      </c>
      <c r="G15" s="34">
        <v>74744</v>
      </c>
      <c r="H15" s="34">
        <v>16792</v>
      </c>
      <c r="I15" s="34">
        <v>478908</v>
      </c>
      <c r="J15" s="34">
        <v>462116</v>
      </c>
      <c r="K15" s="55">
        <v>8.1847856136665555</v>
      </c>
      <c r="L15" s="56">
        <v>8.2161137795013772</v>
      </c>
    </row>
    <row r="16" spans="1:19" ht="12" customHeight="1">
      <c r="A16" s="45"/>
      <c r="B16" s="54">
        <v>25</v>
      </c>
      <c r="C16" s="33"/>
      <c r="D16" s="34">
        <v>11306</v>
      </c>
      <c r="E16" s="34">
        <v>2111</v>
      </c>
      <c r="F16" s="34">
        <v>75656</v>
      </c>
      <c r="G16" s="34">
        <v>73545</v>
      </c>
      <c r="H16" s="34">
        <v>9195</v>
      </c>
      <c r="I16" s="34">
        <v>486505</v>
      </c>
      <c r="J16" s="34">
        <v>477310</v>
      </c>
      <c r="K16" s="55">
        <v>8.3327431671142573</v>
      </c>
      <c r="L16" s="56">
        <v>8.1002378691104209</v>
      </c>
    </row>
    <row r="17" spans="1:12" ht="12" customHeight="1">
      <c r="A17" s="45"/>
      <c r="B17" s="54">
        <v>24</v>
      </c>
      <c r="C17" s="33"/>
      <c r="D17" s="34">
        <v>12276</v>
      </c>
      <c r="E17" s="34">
        <v>4625</v>
      </c>
      <c r="F17" s="34">
        <v>77079</v>
      </c>
      <c r="G17" s="34">
        <v>72454</v>
      </c>
      <c r="H17" s="34">
        <v>7651</v>
      </c>
      <c r="I17" s="34">
        <v>487933</v>
      </c>
      <c r="J17" s="34">
        <v>480282</v>
      </c>
      <c r="K17" s="55">
        <v>8.4970442954416985</v>
      </c>
      <c r="L17" s="56">
        <v>7.9871929758031737</v>
      </c>
    </row>
    <row r="18" spans="1:12" ht="12" customHeight="1">
      <c r="A18" s="32"/>
      <c r="B18" s="54">
        <v>23</v>
      </c>
      <c r="C18" s="33"/>
      <c r="D18" s="34">
        <v>9229</v>
      </c>
      <c r="E18" s="34">
        <v>5970</v>
      </c>
      <c r="F18" s="34">
        <v>77353</v>
      </c>
      <c r="G18" s="34">
        <v>71383</v>
      </c>
      <c r="H18" s="34">
        <v>3259</v>
      </c>
      <c r="I18" s="34">
        <v>484175</v>
      </c>
      <c r="J18" s="34">
        <v>480916</v>
      </c>
      <c r="K18" s="55">
        <v>8.5383487794001436</v>
      </c>
      <c r="L18" s="56">
        <v>7.8793705598996855</v>
      </c>
    </row>
    <row r="19" spans="1:12" ht="12" customHeight="1">
      <c r="A19" s="38"/>
      <c r="B19" s="57" t="s">
        <v>199</v>
      </c>
      <c r="C19" s="40"/>
      <c r="D19" s="41">
        <v>42896</v>
      </c>
      <c r="E19" s="41">
        <v>11519</v>
      </c>
      <c r="F19" s="41">
        <v>79870</v>
      </c>
      <c r="G19" s="41">
        <v>68351</v>
      </c>
      <c r="H19" s="41">
        <v>31377</v>
      </c>
      <c r="I19" s="41">
        <v>530727</v>
      </c>
      <c r="J19" s="41">
        <v>499350</v>
      </c>
      <c r="K19" s="58">
        <v>8.846624758454027</v>
      </c>
      <c r="L19" s="59">
        <v>7.5707480764378507</v>
      </c>
    </row>
    <row r="20" spans="1:12" ht="12" customHeight="1">
      <c r="A20" s="45"/>
      <c r="B20" s="54">
        <v>21</v>
      </c>
      <c r="C20" s="33"/>
      <c r="D20" s="34">
        <v>42780</v>
      </c>
      <c r="E20" s="34">
        <v>15296</v>
      </c>
      <c r="F20" s="34">
        <v>79738</v>
      </c>
      <c r="G20" s="34">
        <v>64442</v>
      </c>
      <c r="H20" s="34">
        <v>27484</v>
      </c>
      <c r="I20" s="34">
        <v>520485</v>
      </c>
      <c r="J20" s="34">
        <v>493001</v>
      </c>
      <c r="K20" s="55">
        <v>8.8584411374372625</v>
      </c>
      <c r="L20" s="56">
        <v>7.1591419872423696</v>
      </c>
    </row>
    <row r="21" spans="1:12" ht="12" customHeight="1">
      <c r="A21" s="45"/>
      <c r="B21" s="54">
        <v>20</v>
      </c>
      <c r="C21" s="33"/>
      <c r="D21" s="34">
        <v>55096</v>
      </c>
      <c r="E21" s="34">
        <v>16427</v>
      </c>
      <c r="F21" s="34">
        <v>80276</v>
      </c>
      <c r="G21" s="34">
        <v>63849</v>
      </c>
      <c r="H21" s="34">
        <v>38669</v>
      </c>
      <c r="I21" s="34">
        <v>530261</v>
      </c>
      <c r="J21" s="34">
        <v>491592</v>
      </c>
      <c r="K21" s="55">
        <v>8.9726517205928147</v>
      </c>
      <c r="L21" s="56">
        <v>7.1365643493463873</v>
      </c>
    </row>
    <row r="22" spans="1:12" ht="12" customHeight="1">
      <c r="A22" s="45"/>
      <c r="B22" s="54">
        <v>19</v>
      </c>
      <c r="C22" s="33"/>
      <c r="D22" s="34">
        <v>62090</v>
      </c>
      <c r="E22" s="34">
        <v>19192</v>
      </c>
      <c r="F22" s="34">
        <v>80674</v>
      </c>
      <c r="G22" s="34">
        <v>61482</v>
      </c>
      <c r="H22" s="34">
        <v>42898</v>
      </c>
      <c r="I22" s="34">
        <v>549582</v>
      </c>
      <c r="J22" s="34">
        <v>506684</v>
      </c>
      <c r="K22" s="55">
        <v>9.0747590561143721</v>
      </c>
      <c r="L22" s="56">
        <v>6.9159126396115704</v>
      </c>
    </row>
    <row r="23" spans="1:12" ht="12" customHeight="1">
      <c r="A23" s="32"/>
      <c r="B23" s="54">
        <v>18</v>
      </c>
      <c r="C23" s="33"/>
      <c r="D23" s="34">
        <v>46534</v>
      </c>
      <c r="E23" s="34">
        <v>20836</v>
      </c>
      <c r="F23" s="34">
        <v>80256</v>
      </c>
      <c r="G23" s="34">
        <v>59420</v>
      </c>
      <c r="H23" s="34">
        <v>25698</v>
      </c>
      <c r="I23" s="34">
        <v>543598</v>
      </c>
      <c r="J23" s="34">
        <v>517900</v>
      </c>
      <c r="K23" s="55">
        <v>9.0878239397170724</v>
      </c>
      <c r="L23" s="56">
        <v>6.7284501906148879</v>
      </c>
    </row>
    <row r="24" spans="1:12" ht="12" customHeight="1">
      <c r="A24" s="38"/>
      <c r="B24" s="57" t="s">
        <v>200</v>
      </c>
      <c r="C24" s="40"/>
      <c r="D24" s="41">
        <v>52901</v>
      </c>
      <c r="E24" s="41">
        <v>18418</v>
      </c>
      <c r="F24" s="41">
        <v>77579</v>
      </c>
      <c r="G24" s="41">
        <v>59161</v>
      </c>
      <c r="H24" s="41">
        <v>34483</v>
      </c>
      <c r="I24" s="41">
        <v>568091</v>
      </c>
      <c r="J24" s="41">
        <v>533608</v>
      </c>
      <c r="K24" s="58">
        <v>8.8365684194196064</v>
      </c>
      <c r="L24" s="59">
        <v>6.7386821725116759</v>
      </c>
    </row>
    <row r="25" spans="1:12" ht="12" customHeight="1">
      <c r="A25" s="45"/>
      <c r="B25" s="54">
        <v>16</v>
      </c>
      <c r="C25" s="33"/>
      <c r="D25" s="34">
        <v>51011</v>
      </c>
      <c r="E25" s="34">
        <v>25047</v>
      </c>
      <c r="F25" s="34">
        <v>81067</v>
      </c>
      <c r="G25" s="34">
        <v>56020</v>
      </c>
      <c r="H25" s="34">
        <v>25964</v>
      </c>
      <c r="I25" s="34">
        <v>558651</v>
      </c>
      <c r="J25" s="34">
        <v>532687</v>
      </c>
      <c r="K25" s="55">
        <v>9.2789761546554796</v>
      </c>
      <c r="L25" s="56">
        <v>6.4120819098252051</v>
      </c>
    </row>
    <row r="26" spans="1:12" ht="12" customHeight="1">
      <c r="A26" s="45"/>
      <c r="B26" s="54">
        <v>15</v>
      </c>
      <c r="C26" s="33"/>
      <c r="D26" s="34">
        <v>58055</v>
      </c>
      <c r="E26" s="34">
        <v>26314</v>
      </c>
      <c r="F26" s="34">
        <v>81271</v>
      </c>
      <c r="G26" s="34">
        <v>54957</v>
      </c>
      <c r="H26" s="34">
        <v>31741</v>
      </c>
      <c r="I26" s="34">
        <v>574857</v>
      </c>
      <c r="J26" s="34">
        <v>543116</v>
      </c>
      <c r="K26" s="55">
        <v>9.3651838622133017</v>
      </c>
      <c r="L26" s="56">
        <v>6.3329159173094514</v>
      </c>
    </row>
    <row r="27" spans="1:12" ht="12" customHeight="1">
      <c r="A27" s="45"/>
      <c r="B27" s="54">
        <v>14</v>
      </c>
      <c r="C27" s="33"/>
      <c r="D27" s="34">
        <v>64293</v>
      </c>
      <c r="E27" s="34">
        <v>29182</v>
      </c>
      <c r="F27" s="34">
        <v>82685</v>
      </c>
      <c r="G27" s="34">
        <v>53503</v>
      </c>
      <c r="H27" s="34">
        <v>35111</v>
      </c>
      <c r="I27" s="34">
        <v>571871</v>
      </c>
      <c r="J27" s="34">
        <v>536760</v>
      </c>
      <c r="K27" s="55">
        <v>9.5956938504234603</v>
      </c>
      <c r="L27" s="56">
        <v>6.2090875984665459</v>
      </c>
    </row>
    <row r="28" spans="1:12" ht="12" customHeight="1">
      <c r="A28" s="32"/>
      <c r="B28" s="54">
        <v>13</v>
      </c>
      <c r="C28" s="33"/>
      <c r="D28" s="34">
        <v>71874</v>
      </c>
      <c r="E28" s="34">
        <v>30898</v>
      </c>
      <c r="F28" s="34">
        <v>83163</v>
      </c>
      <c r="G28" s="34">
        <v>52265</v>
      </c>
      <c r="H28" s="34">
        <v>40976</v>
      </c>
      <c r="I28" s="34">
        <v>583135</v>
      </c>
      <c r="J28" s="34">
        <v>542159</v>
      </c>
      <c r="K28" s="55">
        <v>9.7292235748974019</v>
      </c>
      <c r="L28" s="56">
        <v>6.114472423337455</v>
      </c>
    </row>
    <row r="29" spans="1:12" ht="12" customHeight="1">
      <c r="A29" s="38"/>
      <c r="B29" s="57" t="s">
        <v>201</v>
      </c>
      <c r="C29" s="40"/>
      <c r="D29" s="41">
        <v>57324</v>
      </c>
      <c r="E29" s="41">
        <v>33217</v>
      </c>
      <c r="F29" s="41">
        <v>84411</v>
      </c>
      <c r="G29" s="41">
        <v>51194</v>
      </c>
      <c r="H29" s="41">
        <v>24107</v>
      </c>
      <c r="I29" s="41">
        <v>591245</v>
      </c>
      <c r="J29" s="41">
        <v>567138</v>
      </c>
      <c r="K29" s="58">
        <v>9.9548692779933585</v>
      </c>
      <c r="L29" s="59">
        <v>6.0374782648895531</v>
      </c>
    </row>
    <row r="30" spans="1:12" ht="12" customHeight="1">
      <c r="A30" s="45"/>
      <c r="B30" s="54">
        <v>11</v>
      </c>
      <c r="C30" s="33"/>
      <c r="D30" s="34">
        <v>47838</v>
      </c>
      <c r="E30" s="34">
        <v>31408</v>
      </c>
      <c r="F30" s="34">
        <v>83308</v>
      </c>
      <c r="G30" s="34">
        <v>51900</v>
      </c>
      <c r="H30" s="34">
        <v>16430</v>
      </c>
      <c r="I30" s="34">
        <v>572124</v>
      </c>
      <c r="J30" s="34">
        <v>555694</v>
      </c>
      <c r="K30" s="55">
        <v>9.8853316714597401</v>
      </c>
      <c r="L30" s="56">
        <v>6.1584567358328206</v>
      </c>
    </row>
    <row r="31" spans="1:12" ht="12" customHeight="1">
      <c r="A31" s="45"/>
      <c r="B31" s="54">
        <v>10</v>
      </c>
      <c r="C31" s="33"/>
      <c r="D31" s="34">
        <v>57499</v>
      </c>
      <c r="E31" s="34">
        <v>34626</v>
      </c>
      <c r="F31" s="34">
        <v>84711</v>
      </c>
      <c r="G31" s="34">
        <v>50085</v>
      </c>
      <c r="H31" s="34">
        <v>22873</v>
      </c>
      <c r="I31" s="34">
        <v>574061</v>
      </c>
      <c r="J31" s="34">
        <v>551188</v>
      </c>
      <c r="K31" s="55">
        <v>10.110553557909657</v>
      </c>
      <c r="L31" s="56">
        <v>5.9778195859794492</v>
      </c>
    </row>
    <row r="32" spans="1:12" ht="12" customHeight="1">
      <c r="A32" s="45"/>
      <c r="B32" s="54">
        <v>9</v>
      </c>
      <c r="C32" s="33"/>
      <c r="D32" s="34">
        <v>45333</v>
      </c>
      <c r="E32" s="34">
        <v>35197</v>
      </c>
      <c r="F32" s="34">
        <v>82961</v>
      </c>
      <c r="G32" s="34">
        <v>47764</v>
      </c>
      <c r="H32" s="34">
        <v>10136</v>
      </c>
      <c r="I32" s="34">
        <v>579491</v>
      </c>
      <c r="J32" s="34">
        <v>569355</v>
      </c>
      <c r="K32" s="55">
        <v>9.9708677735366322</v>
      </c>
      <c r="L32" s="56">
        <v>5.7406314814817039</v>
      </c>
    </row>
    <row r="33" spans="1:12" ht="12" customHeight="1">
      <c r="A33" s="32"/>
      <c r="B33" s="54">
        <v>8</v>
      </c>
      <c r="C33" s="33"/>
      <c r="D33" s="34">
        <v>42839</v>
      </c>
      <c r="E33" s="34">
        <v>36959</v>
      </c>
      <c r="F33" s="34">
        <v>83046</v>
      </c>
      <c r="G33" s="34">
        <v>46087</v>
      </c>
      <c r="H33" s="34">
        <v>5880</v>
      </c>
      <c r="I33" s="34">
        <v>590290</v>
      </c>
      <c r="J33" s="34">
        <v>584410</v>
      </c>
      <c r="K33" s="55">
        <v>10.034985784193067</v>
      </c>
      <c r="L33" s="56">
        <v>5.5689905574754457</v>
      </c>
    </row>
    <row r="34" spans="1:12" ht="12" customHeight="1">
      <c r="A34" s="38"/>
      <c r="B34" s="57" t="s">
        <v>202</v>
      </c>
      <c r="C34" s="40"/>
      <c r="D34" s="41">
        <v>13825</v>
      </c>
      <c r="E34" s="41">
        <v>35304</v>
      </c>
      <c r="F34" s="41">
        <v>82204</v>
      </c>
      <c r="G34" s="41">
        <v>46900</v>
      </c>
      <c r="H34" s="41">
        <v>-21479</v>
      </c>
      <c r="I34" s="41">
        <v>598915</v>
      </c>
      <c r="J34" s="41">
        <v>620394</v>
      </c>
      <c r="K34" s="58">
        <v>9.9517605224153698</v>
      </c>
      <c r="L34" s="59">
        <v>5.6777963177130175</v>
      </c>
    </row>
    <row r="35" spans="1:12" ht="12" customHeight="1">
      <c r="A35" s="45"/>
      <c r="B35" s="54">
        <v>6</v>
      </c>
      <c r="C35" s="33"/>
      <c r="D35" s="34">
        <v>41968</v>
      </c>
      <c r="E35" s="34">
        <v>40246</v>
      </c>
      <c r="F35" s="34">
        <v>85015</v>
      </c>
      <c r="G35" s="34">
        <v>44769</v>
      </c>
      <c r="H35" s="34">
        <v>1722</v>
      </c>
      <c r="I35" s="34">
        <v>599910</v>
      </c>
      <c r="J35" s="34">
        <v>598188</v>
      </c>
      <c r="K35" s="55">
        <v>10.34199567975493</v>
      </c>
      <c r="L35" s="56">
        <v>5.4461072115150087</v>
      </c>
    </row>
    <row r="36" spans="1:12" ht="12" customHeight="1">
      <c r="A36" s="45"/>
      <c r="B36" s="54">
        <v>5</v>
      </c>
      <c r="C36" s="33"/>
      <c r="D36" s="34">
        <v>48360</v>
      </c>
      <c r="E36" s="34">
        <v>36360</v>
      </c>
      <c r="F36" s="34">
        <v>80550</v>
      </c>
      <c r="G36" s="34">
        <v>44190</v>
      </c>
      <c r="H36" s="34">
        <v>12000</v>
      </c>
      <c r="I36" s="34">
        <v>597641</v>
      </c>
      <c r="J36" s="34">
        <v>585641</v>
      </c>
      <c r="K36" s="55">
        <v>9.8455441304056084</v>
      </c>
      <c r="L36" s="56">
        <v>5.4012985117644172</v>
      </c>
    </row>
    <row r="37" spans="1:12" ht="12" customHeight="1">
      <c r="A37" s="45"/>
      <c r="B37" s="54">
        <v>4</v>
      </c>
      <c r="C37" s="33"/>
      <c r="D37" s="34">
        <v>63663</v>
      </c>
      <c r="E37" s="34">
        <v>38388</v>
      </c>
      <c r="F37" s="34">
        <v>80794</v>
      </c>
      <c r="G37" s="34">
        <v>42406</v>
      </c>
      <c r="H37" s="34">
        <v>25275</v>
      </c>
      <c r="I37" s="34">
        <v>593602</v>
      </c>
      <c r="J37" s="34">
        <v>568327</v>
      </c>
      <c r="K37" s="55">
        <v>9.9356300444283541</v>
      </c>
      <c r="L37" s="56">
        <v>5.2148714962005691</v>
      </c>
    </row>
    <row r="38" spans="1:12" ht="12" customHeight="1">
      <c r="A38" s="32"/>
      <c r="B38" s="54">
        <v>3</v>
      </c>
      <c r="C38" s="33"/>
      <c r="D38" s="34">
        <v>86102</v>
      </c>
      <c r="E38" s="34">
        <v>40921</v>
      </c>
      <c r="F38" s="34">
        <v>81652</v>
      </c>
      <c r="G38" s="34">
        <v>40731</v>
      </c>
      <c r="H38" s="34">
        <v>45181</v>
      </c>
      <c r="I38" s="34">
        <v>596314</v>
      </c>
      <c r="J38" s="34">
        <v>551133</v>
      </c>
      <c r="K38" s="55">
        <v>10.134822733073182</v>
      </c>
      <c r="L38" s="56">
        <v>5.0556197611914442</v>
      </c>
    </row>
    <row r="39" spans="1:12" ht="12" customHeight="1">
      <c r="A39" s="38"/>
      <c r="B39" s="57" t="s">
        <v>203</v>
      </c>
      <c r="C39" s="40"/>
      <c r="D39" s="41">
        <v>88365</v>
      </c>
      <c r="E39" s="41">
        <v>39966</v>
      </c>
      <c r="F39" s="41">
        <v>79435</v>
      </c>
      <c r="G39" s="41">
        <v>39469</v>
      </c>
      <c r="H39" s="41">
        <v>48399</v>
      </c>
      <c r="I39" s="41">
        <v>611876</v>
      </c>
      <c r="J39" s="41">
        <v>563477</v>
      </c>
      <c r="K39" s="58">
        <v>9.9612859796357629</v>
      </c>
      <c r="L39" s="59">
        <v>4.9494806612984696</v>
      </c>
    </row>
    <row r="40" spans="1:12" ht="12" customHeight="1">
      <c r="A40" s="45"/>
      <c r="B40" s="54" t="s">
        <v>204</v>
      </c>
      <c r="C40" s="33"/>
      <c r="D40" s="34">
        <v>100278</v>
      </c>
      <c r="E40" s="34">
        <v>42342</v>
      </c>
      <c r="F40" s="34">
        <v>79173</v>
      </c>
      <c r="G40" s="34">
        <v>36831</v>
      </c>
      <c r="H40" s="34">
        <v>57936</v>
      </c>
      <c r="I40" s="34">
        <v>585529</v>
      </c>
      <c r="J40" s="34">
        <v>527593</v>
      </c>
      <c r="K40" s="55">
        <v>10.055043466698265</v>
      </c>
      <c r="L40" s="56">
        <v>4.6775707112521161</v>
      </c>
    </row>
    <row r="41" spans="1:12" ht="12" customHeight="1">
      <c r="A41" s="45"/>
      <c r="B41" s="54" t="s">
        <v>205</v>
      </c>
      <c r="C41" s="33"/>
      <c r="D41" s="34">
        <v>109017</v>
      </c>
      <c r="E41" s="34">
        <v>47324</v>
      </c>
      <c r="F41" s="34">
        <v>84328</v>
      </c>
      <c r="G41" s="34">
        <v>37004</v>
      </c>
      <c r="H41" s="34">
        <v>61693</v>
      </c>
      <c r="I41" s="34">
        <v>568062</v>
      </c>
      <c r="J41" s="34">
        <v>506369</v>
      </c>
      <c r="K41" s="55">
        <v>10.852556550007174</v>
      </c>
      <c r="L41" s="56">
        <v>4.7622142417283166</v>
      </c>
    </row>
    <row r="42" spans="1:12" ht="12" customHeight="1">
      <c r="A42" s="45"/>
      <c r="B42" s="54">
        <v>62</v>
      </c>
      <c r="C42" s="33"/>
      <c r="D42" s="34">
        <v>128890</v>
      </c>
      <c r="E42" s="34">
        <v>48655</v>
      </c>
      <c r="F42" s="34">
        <v>83506</v>
      </c>
      <c r="G42" s="34">
        <v>34851</v>
      </c>
      <c r="H42" s="34">
        <v>80235</v>
      </c>
      <c r="I42" s="34">
        <v>579558</v>
      </c>
      <c r="J42" s="34">
        <v>499323</v>
      </c>
      <c r="K42" s="55">
        <v>10.905958862022107</v>
      </c>
      <c r="L42" s="56">
        <v>4.5515720103984441</v>
      </c>
    </row>
    <row r="43" spans="1:12" ht="12" customHeight="1">
      <c r="A43" s="32"/>
      <c r="B43" s="54">
        <v>61</v>
      </c>
      <c r="C43" s="33"/>
      <c r="D43" s="34">
        <v>119944</v>
      </c>
      <c r="E43" s="34">
        <v>49040</v>
      </c>
      <c r="F43" s="34">
        <v>83036</v>
      </c>
      <c r="G43" s="34">
        <v>33996</v>
      </c>
      <c r="H43" s="34">
        <v>70904</v>
      </c>
      <c r="I43" s="34">
        <v>559606</v>
      </c>
      <c r="J43" s="34">
        <v>488702</v>
      </c>
      <c r="K43" s="55">
        <v>11.033199118842871</v>
      </c>
      <c r="L43" s="56">
        <v>4.5171327766773715</v>
      </c>
    </row>
    <row r="44" spans="1:12" ht="12" customHeight="1">
      <c r="A44" s="38"/>
      <c r="B44" s="57" t="s">
        <v>206</v>
      </c>
      <c r="C44" s="40"/>
      <c r="D44" s="41">
        <v>102260</v>
      </c>
      <c r="E44" s="41">
        <v>52583</v>
      </c>
      <c r="F44" s="41">
        <v>86202</v>
      </c>
      <c r="G44" s="41">
        <v>33619</v>
      </c>
      <c r="H44" s="41">
        <v>49677</v>
      </c>
      <c r="I44" s="41">
        <v>545369</v>
      </c>
      <c r="J44" s="41">
        <v>495692</v>
      </c>
      <c r="K44" s="58">
        <v>11.627944620972871</v>
      </c>
      <c r="L44" s="59">
        <v>4.5349280783797008</v>
      </c>
    </row>
    <row r="45" spans="1:12" ht="12" customHeight="1">
      <c r="A45" s="45"/>
      <c r="B45" s="54">
        <v>59</v>
      </c>
      <c r="C45" s="33"/>
      <c r="D45" s="34">
        <v>101415</v>
      </c>
      <c r="E45" s="34">
        <v>55972</v>
      </c>
      <c r="F45" s="34">
        <v>88786</v>
      </c>
      <c r="G45" s="34">
        <v>32814</v>
      </c>
      <c r="H45" s="34">
        <v>45443</v>
      </c>
      <c r="I45" s="34">
        <v>529376</v>
      </c>
      <c r="J45" s="34">
        <v>483933</v>
      </c>
      <c r="K45" s="55">
        <v>12.145736249590461</v>
      </c>
      <c r="L45" s="56">
        <v>4.4888855145412725</v>
      </c>
    </row>
    <row r="46" spans="1:12" ht="12" customHeight="1">
      <c r="A46" s="45"/>
      <c r="B46" s="54">
        <v>58</v>
      </c>
      <c r="C46" s="33"/>
      <c r="D46" s="34">
        <v>100535</v>
      </c>
      <c r="E46" s="34">
        <v>58352</v>
      </c>
      <c r="F46" s="34">
        <v>90597</v>
      </c>
      <c r="G46" s="34">
        <v>32245</v>
      </c>
      <c r="H46" s="34">
        <v>42183</v>
      </c>
      <c r="I46" s="34">
        <v>530510</v>
      </c>
      <c r="J46" s="34">
        <v>488327</v>
      </c>
      <c r="K46" s="55">
        <v>12.562638474395913</v>
      </c>
      <c r="L46" s="56">
        <v>4.4712548716502338</v>
      </c>
    </row>
    <row r="47" spans="1:12" ht="12" customHeight="1">
      <c r="A47" s="45"/>
      <c r="B47" s="54">
        <v>57</v>
      </c>
      <c r="C47" s="33"/>
      <c r="D47" s="34">
        <v>103483</v>
      </c>
      <c r="E47" s="34">
        <v>60339</v>
      </c>
      <c r="F47" s="34">
        <v>90554</v>
      </c>
      <c r="G47" s="34">
        <v>30215</v>
      </c>
      <c r="H47" s="34">
        <v>43144</v>
      </c>
      <c r="I47" s="34">
        <v>542446</v>
      </c>
      <c r="J47" s="34">
        <v>499302</v>
      </c>
      <c r="K47" s="55">
        <v>12.735100239305238</v>
      </c>
      <c r="L47" s="56">
        <v>4.2492993543146378</v>
      </c>
    </row>
    <row r="48" spans="1:12" ht="12" customHeight="1">
      <c r="A48" s="32"/>
      <c r="B48" s="54">
        <v>56</v>
      </c>
      <c r="C48" s="33"/>
      <c r="D48" s="34">
        <v>100986</v>
      </c>
      <c r="E48" s="34">
        <v>62127</v>
      </c>
      <c r="F48" s="34">
        <v>92348</v>
      </c>
      <c r="G48" s="34">
        <v>30221</v>
      </c>
      <c r="H48" s="34">
        <v>38859</v>
      </c>
      <c r="I48" s="34">
        <v>540831</v>
      </c>
      <c r="J48" s="34">
        <v>501972</v>
      </c>
      <c r="K48" s="55">
        <v>13.183497415635923</v>
      </c>
      <c r="L48" s="56">
        <v>4.3143162320562789</v>
      </c>
    </row>
    <row r="49" spans="1:12" ht="12" customHeight="1">
      <c r="A49" s="38"/>
      <c r="B49" s="57" t="s">
        <v>207</v>
      </c>
      <c r="C49" s="40"/>
      <c r="D49" s="41">
        <v>86534</v>
      </c>
      <c r="E49" s="41">
        <v>64640</v>
      </c>
      <c r="F49" s="41">
        <v>94274</v>
      </c>
      <c r="G49" s="41">
        <v>29634</v>
      </c>
      <c r="H49" s="41">
        <v>21894</v>
      </c>
      <c r="I49" s="41">
        <v>549403</v>
      </c>
      <c r="J49" s="41">
        <v>527509</v>
      </c>
      <c r="K49" s="58">
        <v>13.642075602862413</v>
      </c>
      <c r="L49" s="59">
        <v>4.2882371429580246</v>
      </c>
    </row>
    <row r="50" spans="1:12" ht="12" customHeight="1">
      <c r="A50" s="45"/>
      <c r="B50" s="54">
        <v>54</v>
      </c>
      <c r="C50" s="33"/>
      <c r="D50" s="34">
        <v>97817</v>
      </c>
      <c r="E50" s="34">
        <v>71989</v>
      </c>
      <c r="F50" s="34">
        <v>99947</v>
      </c>
      <c r="G50" s="34">
        <v>27958</v>
      </c>
      <c r="H50" s="34">
        <v>25828</v>
      </c>
      <c r="I50" s="34">
        <v>572868</v>
      </c>
      <c r="J50" s="34">
        <v>547040</v>
      </c>
      <c r="K50" s="55">
        <v>14.659486358421486</v>
      </c>
      <c r="L50" s="56">
        <v>4.1006725525403258</v>
      </c>
    </row>
    <row r="51" spans="1:12" ht="12" customHeight="1">
      <c r="A51" s="45"/>
      <c r="B51" s="54">
        <v>53</v>
      </c>
      <c r="C51" s="33"/>
      <c r="D51" s="34">
        <v>112529</v>
      </c>
      <c r="E51" s="34">
        <v>76221</v>
      </c>
      <c r="F51" s="34">
        <v>104017</v>
      </c>
      <c r="G51" s="34">
        <v>27796</v>
      </c>
      <c r="H51" s="34">
        <v>36308</v>
      </c>
      <c r="I51" s="34">
        <v>577221</v>
      </c>
      <c r="J51" s="34">
        <v>540913</v>
      </c>
      <c r="K51" s="55">
        <v>15.501116121491602</v>
      </c>
      <c r="L51" s="56">
        <v>4.1422942760604569</v>
      </c>
    </row>
    <row r="52" spans="1:12" ht="12" customHeight="1">
      <c r="A52" s="45"/>
      <c r="B52" s="54">
        <v>52</v>
      </c>
      <c r="C52" s="33"/>
      <c r="D52" s="34">
        <v>112020</v>
      </c>
      <c r="E52" s="34">
        <v>81332</v>
      </c>
      <c r="F52" s="34">
        <v>108145</v>
      </c>
      <c r="G52" s="34">
        <v>26813</v>
      </c>
      <c r="H52" s="34">
        <v>30688</v>
      </c>
      <c r="I52" s="34">
        <v>580079</v>
      </c>
      <c r="J52" s="34">
        <v>549391</v>
      </c>
      <c r="K52" s="55">
        <v>16.385407449606671</v>
      </c>
      <c r="L52" s="56">
        <v>4.0625265148301235</v>
      </c>
    </row>
    <row r="53" spans="1:12" ht="12" customHeight="1">
      <c r="A53" s="32"/>
      <c r="B53" s="54">
        <v>51</v>
      </c>
      <c r="C53" s="33"/>
      <c r="D53" s="34">
        <v>113349</v>
      </c>
      <c r="E53" s="34">
        <v>87123</v>
      </c>
      <c r="F53" s="34">
        <v>113644</v>
      </c>
      <c r="G53" s="34">
        <v>26521</v>
      </c>
      <c r="H53" s="34">
        <v>26226</v>
      </c>
      <c r="I53" s="34">
        <v>582766</v>
      </c>
      <c r="J53" s="34">
        <v>556540</v>
      </c>
      <c r="K53" s="55">
        <v>17.509671272269195</v>
      </c>
      <c r="L53" s="56">
        <v>4.0862165341931931</v>
      </c>
    </row>
    <row r="54" spans="1:12" ht="12" customHeight="1">
      <c r="A54" s="38"/>
      <c r="B54" s="57" t="s">
        <v>208</v>
      </c>
      <c r="C54" s="40"/>
      <c r="D54" s="41">
        <v>125327</v>
      </c>
      <c r="E54" s="41">
        <v>90784</v>
      </c>
      <c r="F54" s="41">
        <v>117269</v>
      </c>
      <c r="G54" s="41">
        <v>26485</v>
      </c>
      <c r="H54" s="41">
        <v>34543</v>
      </c>
      <c r="I54" s="41">
        <v>607335</v>
      </c>
      <c r="J54" s="41">
        <v>572792</v>
      </c>
      <c r="K54" s="58">
        <v>18.393587865618223</v>
      </c>
      <c r="L54" s="59">
        <v>4.1541598770425141</v>
      </c>
    </row>
    <row r="55" spans="1:12" ht="12" customHeight="1">
      <c r="A55" s="45"/>
      <c r="B55" s="54">
        <v>49</v>
      </c>
      <c r="C55" s="33"/>
      <c r="D55" s="34">
        <v>157902</v>
      </c>
      <c r="E55" s="34">
        <v>101799</v>
      </c>
      <c r="F55" s="34">
        <v>128524</v>
      </c>
      <c r="G55" s="34">
        <v>26725</v>
      </c>
      <c r="H55" s="34">
        <v>56103</v>
      </c>
      <c r="I55" s="34">
        <v>658495</v>
      </c>
      <c r="J55" s="34">
        <v>602392</v>
      </c>
      <c r="K55" s="55">
        <v>20.61722376515063</v>
      </c>
      <c r="L55" s="56">
        <v>4.2871005035919403</v>
      </c>
    </row>
    <row r="56" spans="1:12" ht="12" customHeight="1">
      <c r="A56" s="45"/>
      <c r="B56" s="54">
        <v>48</v>
      </c>
      <c r="C56" s="33"/>
      <c r="D56" s="34">
        <v>179906</v>
      </c>
      <c r="E56" s="34">
        <v>108371</v>
      </c>
      <c r="F56" s="34">
        <v>134217</v>
      </c>
      <c r="G56" s="34">
        <v>25846</v>
      </c>
      <c r="H56" s="34">
        <v>71535</v>
      </c>
      <c r="I56" s="34">
        <v>700624</v>
      </c>
      <c r="J56" s="34">
        <v>629089</v>
      </c>
      <c r="K56" s="55">
        <v>22.127612009320117</v>
      </c>
      <c r="L56" s="56">
        <v>4.2610865985149999</v>
      </c>
    </row>
    <row r="57" spans="1:12" ht="12" customHeight="1">
      <c r="A57" s="45"/>
      <c r="B57" s="54">
        <v>47</v>
      </c>
      <c r="C57" s="33"/>
      <c r="D57" s="34">
        <v>199934</v>
      </c>
      <c r="E57" s="34">
        <v>106384</v>
      </c>
      <c r="F57" s="34">
        <v>131361</v>
      </c>
      <c r="G57" s="34">
        <v>24977</v>
      </c>
      <c r="H57" s="34">
        <v>93550</v>
      </c>
      <c r="I57" s="34">
        <v>701526</v>
      </c>
      <c r="J57" s="34">
        <v>607976</v>
      </c>
      <c r="K57" s="55">
        <v>22.331365980354121</v>
      </c>
      <c r="L57" s="56">
        <v>4.2460892357039377</v>
      </c>
    </row>
    <row r="58" spans="1:12" s="1" customFormat="1" ht="12" customHeight="1">
      <c r="A58" s="32"/>
      <c r="B58" s="54">
        <v>46</v>
      </c>
      <c r="C58" s="33"/>
      <c r="D58" s="34">
        <v>233876</v>
      </c>
      <c r="E58" s="34">
        <v>102700</v>
      </c>
      <c r="F58" s="34">
        <v>126635</v>
      </c>
      <c r="G58" s="34">
        <v>23935</v>
      </c>
      <c r="H58" s="34">
        <v>131176</v>
      </c>
      <c r="I58" s="34">
        <v>714259</v>
      </c>
      <c r="J58" s="34">
        <v>583083</v>
      </c>
      <c r="K58" s="55">
        <v>22.334983301894862</v>
      </c>
      <c r="L58" s="56">
        <v>4.2214855713732664</v>
      </c>
    </row>
    <row r="59" spans="1:12" s="1" customFormat="1" ht="12" customHeight="1">
      <c r="A59" s="38"/>
      <c r="B59" s="57" t="s">
        <v>209</v>
      </c>
      <c r="C59" s="40"/>
      <c r="D59" s="41">
        <v>231476</v>
      </c>
      <c r="E59" s="41">
        <v>97696</v>
      </c>
      <c r="F59" s="41">
        <v>120706</v>
      </c>
      <c r="G59" s="41">
        <v>23010</v>
      </c>
      <c r="H59" s="41">
        <v>133780</v>
      </c>
      <c r="I59" s="41">
        <v>770448</v>
      </c>
      <c r="J59" s="41">
        <v>636668</v>
      </c>
      <c r="K59" s="58">
        <v>22.20187509150691</v>
      </c>
      <c r="L59" s="59">
        <v>4.2323094614648316</v>
      </c>
    </row>
    <row r="60" spans="1:12" s="2" customFormat="1" ht="12" customHeight="1">
      <c r="A60" s="60"/>
      <c r="B60" s="61">
        <v>44</v>
      </c>
      <c r="C60" s="49"/>
      <c r="D60" s="62">
        <v>219526</v>
      </c>
      <c r="E60" s="62">
        <v>90246</v>
      </c>
      <c r="F60" s="62">
        <v>111300</v>
      </c>
      <c r="G60" s="62">
        <v>21054</v>
      </c>
      <c r="H60" s="62">
        <v>129280</v>
      </c>
      <c r="I60" s="62">
        <v>728289</v>
      </c>
      <c r="J60" s="62">
        <v>599009</v>
      </c>
      <c r="K60" s="198">
        <v>21.369449559075104</v>
      </c>
      <c r="L60" s="199">
        <v>4.0423395419296249</v>
      </c>
    </row>
    <row r="61" spans="1:12" s="2" customFormat="1" ht="12" customHeight="1">
      <c r="A61" s="60"/>
      <c r="B61" s="61">
        <v>43</v>
      </c>
      <c r="C61" s="49"/>
      <c r="D61" s="62">
        <v>227639</v>
      </c>
      <c r="E61" s="62">
        <v>86018</v>
      </c>
      <c r="F61" s="62">
        <v>106834</v>
      </c>
      <c r="G61" s="62">
        <v>20816</v>
      </c>
      <c r="H61" s="62">
        <v>141621</v>
      </c>
      <c r="I61" s="62">
        <v>692357</v>
      </c>
      <c r="J61" s="62">
        <v>550736</v>
      </c>
      <c r="K61" s="198">
        <v>21.449147567340535</v>
      </c>
      <c r="L61" s="199">
        <v>4.1792449572398356</v>
      </c>
    </row>
    <row r="62" spans="1:12" s="30" customFormat="1" ht="12" customHeight="1">
      <c r="A62" s="45"/>
      <c r="B62" s="54">
        <v>42</v>
      </c>
      <c r="C62" s="33"/>
      <c r="D62" s="34">
        <v>207214</v>
      </c>
      <c r="E62" s="34">
        <v>85699</v>
      </c>
      <c r="F62" s="34">
        <v>105413</v>
      </c>
      <c r="G62" s="34">
        <v>19714</v>
      </c>
      <c r="H62" s="34">
        <v>121515</v>
      </c>
      <c r="I62" s="34">
        <v>624117</v>
      </c>
      <c r="J62" s="34">
        <v>502602</v>
      </c>
      <c r="K62" s="55">
        <v>22.105802434987282</v>
      </c>
      <c r="L62" s="56">
        <v>4.1341560263282453</v>
      </c>
    </row>
    <row r="63" spans="1:12" s="30" customFormat="1" ht="12" customHeight="1">
      <c r="A63" s="32"/>
      <c r="B63" s="54">
        <v>41</v>
      </c>
      <c r="C63" s="33"/>
      <c r="D63" s="34">
        <v>164190</v>
      </c>
      <c r="E63" s="34">
        <v>55394</v>
      </c>
      <c r="F63" s="34">
        <v>74176</v>
      </c>
      <c r="G63" s="34">
        <v>18782</v>
      </c>
      <c r="H63" s="34">
        <v>108796</v>
      </c>
      <c r="I63" s="34">
        <v>606898</v>
      </c>
      <c r="J63" s="34">
        <v>498102</v>
      </c>
      <c r="K63" s="55">
        <v>16.224050071981974</v>
      </c>
      <c r="L63" s="56">
        <v>4.108068761485729</v>
      </c>
    </row>
    <row r="64" spans="1:12" s="30" customFormat="1" ht="12" customHeight="1">
      <c r="A64" s="38"/>
      <c r="B64" s="57" t="s">
        <v>229</v>
      </c>
      <c r="C64" s="40"/>
      <c r="D64" s="41">
        <v>219486</v>
      </c>
      <c r="E64" s="41">
        <v>73843</v>
      </c>
      <c r="F64" s="41">
        <v>91899</v>
      </c>
      <c r="G64" s="41">
        <v>18056</v>
      </c>
      <c r="H64" s="41">
        <v>145643</v>
      </c>
      <c r="I64" s="41">
        <v>622019</v>
      </c>
      <c r="J64" s="41">
        <v>476376</v>
      </c>
      <c r="K64" s="58">
        <v>20.92497597244704</v>
      </c>
      <c r="L64" s="59">
        <v>4.1112674366261199</v>
      </c>
    </row>
    <row r="65" spans="1:19" s="30" customFormat="1" ht="12" customHeight="1">
      <c r="A65" s="45"/>
      <c r="B65" s="54">
        <v>39</v>
      </c>
      <c r="C65" s="33"/>
      <c r="D65" s="34">
        <v>230897</v>
      </c>
      <c r="E65" s="34">
        <v>63494</v>
      </c>
      <c r="F65" s="34">
        <v>79361</v>
      </c>
      <c r="G65" s="34">
        <v>15867</v>
      </c>
      <c r="H65" s="34">
        <v>167403</v>
      </c>
      <c r="I65" s="34">
        <v>606259</v>
      </c>
      <c r="J65" s="34">
        <v>438856</v>
      </c>
      <c r="K65" s="55">
        <v>19.135522204376663</v>
      </c>
      <c r="L65" s="56">
        <v>3.8258506170139559</v>
      </c>
    </row>
    <row r="66" spans="1:19" s="30" customFormat="1" ht="12" customHeight="1">
      <c r="A66" s="45"/>
      <c r="B66" s="54">
        <v>38</v>
      </c>
      <c r="C66" s="33"/>
      <c r="D66" s="34">
        <v>187535</v>
      </c>
      <c r="E66" s="34">
        <v>54670</v>
      </c>
      <c r="F66" s="34">
        <v>70137</v>
      </c>
      <c r="G66" s="34">
        <v>15467</v>
      </c>
      <c r="H66" s="34">
        <v>132865</v>
      </c>
      <c r="I66" s="34">
        <v>502670</v>
      </c>
      <c r="J66" s="34">
        <v>369805</v>
      </c>
      <c r="K66" s="55">
        <v>17.8</v>
      </c>
      <c r="L66" s="56">
        <v>3.9</v>
      </c>
    </row>
    <row r="67" spans="1:19" s="30" customFormat="1" ht="12" customHeight="1">
      <c r="A67" s="45"/>
      <c r="B67" s="54">
        <v>37</v>
      </c>
      <c r="C67" s="33"/>
      <c r="D67" s="34">
        <v>192971</v>
      </c>
      <c r="E67" s="34">
        <v>47778</v>
      </c>
      <c r="F67" s="34">
        <v>64329</v>
      </c>
      <c r="G67" s="34">
        <v>16551</v>
      </c>
      <c r="H67" s="34">
        <v>145193</v>
      </c>
      <c r="I67" s="34">
        <v>463974</v>
      </c>
      <c r="J67" s="34">
        <v>318781</v>
      </c>
      <c r="K67" s="55">
        <v>17.100000000000001</v>
      </c>
      <c r="L67" s="56">
        <v>4.4000000000000004</v>
      </c>
    </row>
    <row r="68" spans="1:19" s="30" customFormat="1" ht="12" customHeight="1">
      <c r="A68" s="45"/>
      <c r="B68" s="54">
        <v>36</v>
      </c>
      <c r="C68" s="33"/>
      <c r="D68" s="34">
        <v>165890</v>
      </c>
      <c r="E68" s="34">
        <v>44449</v>
      </c>
      <c r="F68" s="34">
        <v>59920</v>
      </c>
      <c r="G68" s="34">
        <v>15471</v>
      </c>
      <c r="H68" s="34">
        <v>121441</v>
      </c>
      <c r="I68" s="34">
        <v>399589</v>
      </c>
      <c r="J68" s="34">
        <v>278148</v>
      </c>
      <c r="K68" s="55">
        <v>16.8</v>
      </c>
      <c r="L68" s="56">
        <v>4.3</v>
      </c>
    </row>
    <row r="69" spans="1:19" s="30" customFormat="1" ht="12" customHeight="1">
      <c r="A69" s="38"/>
      <c r="B69" s="57" t="s">
        <v>230</v>
      </c>
      <c r="C69" s="40"/>
      <c r="D69" s="41">
        <v>145393</v>
      </c>
      <c r="E69" s="41">
        <v>40148</v>
      </c>
      <c r="F69" s="41">
        <v>56724</v>
      </c>
      <c r="G69" s="41">
        <v>16576</v>
      </c>
      <c r="H69" s="41">
        <v>105245</v>
      </c>
      <c r="I69" s="41">
        <v>374283</v>
      </c>
      <c r="J69" s="41">
        <v>269038</v>
      </c>
      <c r="K69" s="58">
        <v>16.600000000000001</v>
      </c>
      <c r="L69" s="59">
        <v>4.9000000000000004</v>
      </c>
    </row>
    <row r="70" spans="1:19" s="30" customFormat="1" ht="12" customHeight="1">
      <c r="A70" s="45"/>
      <c r="B70" s="54">
        <v>34</v>
      </c>
      <c r="C70" s="33"/>
      <c r="D70" s="34">
        <v>123782</v>
      </c>
      <c r="E70" s="34">
        <v>38423</v>
      </c>
      <c r="F70" s="34">
        <v>55309</v>
      </c>
      <c r="G70" s="34">
        <v>16886</v>
      </c>
      <c r="H70" s="34">
        <v>85359</v>
      </c>
      <c r="I70" s="34">
        <v>348412</v>
      </c>
      <c r="J70" s="34">
        <v>263053</v>
      </c>
      <c r="K70" s="55">
        <v>16.899999999999999</v>
      </c>
      <c r="L70" s="56">
        <v>5.2</v>
      </c>
    </row>
    <row r="71" spans="1:19" s="2" customFormat="1" ht="12" customHeight="1" thickBot="1">
      <c r="A71" s="60"/>
      <c r="B71" s="61" t="s">
        <v>14</v>
      </c>
      <c r="C71" s="49"/>
      <c r="D71" s="62">
        <v>109184</v>
      </c>
      <c r="E71" s="62">
        <v>35708</v>
      </c>
      <c r="F71" s="62">
        <v>53970</v>
      </c>
      <c r="G71" s="62">
        <v>18262</v>
      </c>
      <c r="H71" s="62">
        <v>73476</v>
      </c>
      <c r="I71" s="62">
        <v>363306</v>
      </c>
      <c r="J71" s="62">
        <v>289830</v>
      </c>
      <c r="K71" s="198">
        <v>17.100000000000001</v>
      </c>
      <c r="L71" s="199">
        <v>5.8</v>
      </c>
    </row>
    <row r="72" spans="1:19" s="63" customFormat="1" ht="13.5" customHeight="1">
      <c r="A72" s="228" t="s">
        <v>24</v>
      </c>
      <c r="B72" s="228"/>
      <c r="C72" s="228"/>
      <c r="D72" s="228"/>
      <c r="E72" s="228"/>
      <c r="F72" s="228"/>
      <c r="G72" s="228"/>
      <c r="H72" s="228"/>
      <c r="I72" s="228"/>
      <c r="J72" s="228"/>
      <c r="K72" s="228"/>
      <c r="L72" s="228"/>
    </row>
    <row r="73" spans="1:19" s="64" customFormat="1" ht="13.5" customHeight="1">
      <c r="A73" s="229" t="s">
        <v>25</v>
      </c>
      <c r="B73" s="229"/>
      <c r="C73" s="229"/>
      <c r="D73" s="229"/>
      <c r="E73" s="229"/>
      <c r="F73" s="229"/>
      <c r="G73" s="229"/>
      <c r="H73" s="229"/>
      <c r="I73" s="229"/>
      <c r="J73" s="229"/>
      <c r="K73" s="229"/>
      <c r="L73" s="229"/>
      <c r="M73" s="63"/>
      <c r="N73" s="63"/>
      <c r="O73" s="63"/>
      <c r="P73" s="63"/>
      <c r="Q73" s="63"/>
      <c r="R73" s="63"/>
      <c r="S73" s="63"/>
    </row>
    <row r="74" spans="1:19" s="64" customFormat="1" ht="13.5" customHeight="1">
      <c r="A74" s="229" t="s">
        <v>26</v>
      </c>
      <c r="B74" s="229"/>
      <c r="C74" s="229"/>
      <c r="D74" s="229"/>
      <c r="E74" s="229"/>
      <c r="F74" s="229"/>
      <c r="G74" s="229"/>
      <c r="H74" s="229"/>
      <c r="I74" s="229"/>
      <c r="J74" s="229"/>
      <c r="K74" s="229"/>
      <c r="L74" s="229"/>
      <c r="M74" s="63"/>
      <c r="N74" s="63"/>
      <c r="O74" s="63"/>
      <c r="P74" s="63"/>
      <c r="Q74" s="63"/>
      <c r="R74" s="63"/>
      <c r="S74" s="63"/>
    </row>
  </sheetData>
  <mergeCells count="11">
    <mergeCell ref="A72:L72"/>
    <mergeCell ref="A73:L73"/>
    <mergeCell ref="A74:L74"/>
    <mergeCell ref="A1:L1"/>
    <mergeCell ref="A2:C2"/>
    <mergeCell ref="A3:C4"/>
    <mergeCell ref="D3:D4"/>
    <mergeCell ref="E3:G3"/>
    <mergeCell ref="H3:J3"/>
    <mergeCell ref="K3:K4"/>
    <mergeCell ref="L3:L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7" fitToWidth="0" orientation="portrait" r:id="rId1"/>
  <headerFooter>
    <oddFooter>&amp;C&amp;"HGPｺﾞｼｯｸM,ﾒﾃﾞｨｳﾑ"&amp;9- 14 -</oddFooter>
  </headerFooter>
  <rowBreaks count="1" manualBreakCount="1">
    <brk id="8" max="16383" man="1"/>
  </rowBreaks>
  <colBreaks count="1" manualBreakCount="1">
    <brk id="12" max="63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3">
    <pageSetUpPr fitToPage="1"/>
  </sheetPr>
  <dimension ref="A1:U52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75" style="1" customWidth="1"/>
    <col min="2" max="2" width="7.625" style="1" customWidth="1"/>
    <col min="3" max="3" width="1.25" style="1" customWidth="1"/>
    <col min="4" max="11" width="8.75" style="1" customWidth="1"/>
    <col min="12" max="18" width="6.875" style="1" customWidth="1"/>
  </cols>
  <sheetData>
    <row r="1" spans="1:18" ht="17.25" customHeight="1">
      <c r="A1" s="206" t="s">
        <v>27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18" ht="13.5" customHeight="1" thickBot="1">
      <c r="A2" s="207" t="s">
        <v>28</v>
      </c>
      <c r="B2" s="207"/>
      <c r="C2" s="207"/>
      <c r="K2" s="3"/>
    </row>
    <row r="3" spans="1:18" ht="13.5" customHeight="1">
      <c r="A3" s="208" t="s">
        <v>2</v>
      </c>
      <c r="B3" s="209"/>
      <c r="C3" s="209"/>
      <c r="D3" s="217" t="s">
        <v>29</v>
      </c>
      <c r="E3" s="234"/>
      <c r="F3" s="234"/>
      <c r="G3" s="235"/>
      <c r="H3" s="217" t="s">
        <v>30</v>
      </c>
      <c r="I3" s="234"/>
      <c r="J3" s="234"/>
      <c r="K3" s="236"/>
    </row>
    <row r="4" spans="1:18" ht="13.5" customHeight="1">
      <c r="A4" s="212"/>
      <c r="B4" s="213"/>
      <c r="C4" s="213"/>
      <c r="D4" s="7" t="s">
        <v>31</v>
      </c>
      <c r="E4" s="7" t="s">
        <v>32</v>
      </c>
      <c r="F4" s="7" t="s">
        <v>33</v>
      </c>
      <c r="G4" s="7" t="s">
        <v>34</v>
      </c>
      <c r="H4" s="7" t="s">
        <v>31</v>
      </c>
      <c r="I4" s="7" t="s">
        <v>32</v>
      </c>
      <c r="J4" s="7" t="s">
        <v>33</v>
      </c>
      <c r="K4" s="65" t="s">
        <v>34</v>
      </c>
    </row>
    <row r="5" spans="1:18" ht="10.5" customHeight="1">
      <c r="A5" s="9"/>
      <c r="B5" s="49"/>
      <c r="C5" s="49"/>
      <c r="D5" s="12" t="s">
        <v>10</v>
      </c>
      <c r="E5" s="12" t="s">
        <v>10</v>
      </c>
      <c r="F5" s="12" t="s">
        <v>10</v>
      </c>
      <c r="G5" s="12" t="s">
        <v>10</v>
      </c>
      <c r="H5" s="12" t="s">
        <v>10</v>
      </c>
      <c r="I5" s="12" t="s">
        <v>10</v>
      </c>
      <c r="J5" s="12" t="s">
        <v>10</v>
      </c>
      <c r="K5" s="14" t="s">
        <v>10</v>
      </c>
    </row>
    <row r="6" spans="1:18" ht="11.25" customHeight="1">
      <c r="A6" s="15"/>
      <c r="B6" s="16" t="s">
        <v>228</v>
      </c>
      <c r="C6" s="17"/>
      <c r="D6" s="51">
        <v>506632</v>
      </c>
      <c r="E6" s="51">
        <v>279222</v>
      </c>
      <c r="F6" s="51">
        <v>216858</v>
      </c>
      <c r="G6" s="51">
        <v>10552</v>
      </c>
      <c r="H6" s="51">
        <v>465590</v>
      </c>
      <c r="I6" s="51">
        <v>238230</v>
      </c>
      <c r="J6" s="51">
        <v>217368</v>
      </c>
      <c r="K6" s="66">
        <v>9992</v>
      </c>
    </row>
    <row r="7" spans="1:18" s="31" customFormat="1" ht="11.25" customHeight="1">
      <c r="A7" s="32"/>
      <c r="B7" s="54">
        <v>4</v>
      </c>
      <c r="C7" s="33"/>
      <c r="D7" s="26">
        <v>505665</v>
      </c>
      <c r="E7" s="26">
        <v>277827</v>
      </c>
      <c r="F7" s="26">
        <v>218434</v>
      </c>
      <c r="G7" s="26">
        <v>9404</v>
      </c>
      <c r="H7" s="26">
        <v>467971</v>
      </c>
      <c r="I7" s="26">
        <v>238713</v>
      </c>
      <c r="J7" s="26">
        <v>219281</v>
      </c>
      <c r="K7" s="67">
        <v>9977</v>
      </c>
      <c r="L7" s="30"/>
      <c r="M7" s="30"/>
      <c r="N7" s="30"/>
      <c r="O7" s="30"/>
      <c r="P7" s="30"/>
      <c r="Q7" s="30"/>
      <c r="R7" s="30"/>
    </row>
    <row r="8" spans="1:18" ht="11.25" customHeight="1">
      <c r="A8" s="32"/>
      <c r="B8" s="54">
        <v>3</v>
      </c>
      <c r="C8" s="33"/>
      <c r="D8" s="26">
        <v>488358</v>
      </c>
      <c r="E8" s="26">
        <v>255456</v>
      </c>
      <c r="F8" s="26">
        <v>224220</v>
      </c>
      <c r="G8" s="26">
        <v>8682</v>
      </c>
      <c r="H8" s="26">
        <v>463535</v>
      </c>
      <c r="I8" s="26">
        <v>226534</v>
      </c>
      <c r="J8" s="26">
        <v>225396</v>
      </c>
      <c r="K8" s="67">
        <v>11605</v>
      </c>
    </row>
    <row r="9" spans="1:18" ht="11.25" customHeight="1">
      <c r="A9" s="38"/>
      <c r="B9" s="57" t="s">
        <v>196</v>
      </c>
      <c r="C9" s="40"/>
      <c r="D9" s="68">
        <v>532374</v>
      </c>
      <c r="E9" s="68">
        <v>261549</v>
      </c>
      <c r="F9" s="68">
        <v>221024</v>
      </c>
      <c r="G9" s="68">
        <v>49801</v>
      </c>
      <c r="H9" s="68">
        <v>475455</v>
      </c>
      <c r="I9" s="68">
        <v>223959</v>
      </c>
      <c r="J9" s="68">
        <v>221936</v>
      </c>
      <c r="K9" s="69">
        <v>29560</v>
      </c>
    </row>
    <row r="10" spans="1:18" ht="11.25" customHeight="1">
      <c r="A10" s="45"/>
      <c r="B10" s="54" t="s">
        <v>197</v>
      </c>
      <c r="C10" s="33"/>
      <c r="D10" s="26">
        <v>514781</v>
      </c>
      <c r="E10" s="26">
        <v>282181</v>
      </c>
      <c r="F10" s="26">
        <v>221135</v>
      </c>
      <c r="G10" s="26">
        <v>11465</v>
      </c>
      <c r="H10" s="26">
        <v>474981</v>
      </c>
      <c r="I10" s="26">
        <v>239921</v>
      </c>
      <c r="J10" s="26">
        <v>222431</v>
      </c>
      <c r="K10" s="67">
        <v>12629</v>
      </c>
    </row>
    <row r="11" spans="1:18" ht="11.25" customHeight="1">
      <c r="A11" s="45"/>
      <c r="B11" s="54">
        <v>30</v>
      </c>
      <c r="C11" s="33"/>
      <c r="D11" s="26">
        <v>507579</v>
      </c>
      <c r="E11" s="26">
        <v>274940</v>
      </c>
      <c r="F11" s="26">
        <v>221743</v>
      </c>
      <c r="G11" s="26">
        <v>10896</v>
      </c>
      <c r="H11" s="26">
        <v>474462</v>
      </c>
      <c r="I11" s="26">
        <v>239411</v>
      </c>
      <c r="J11" s="26">
        <v>222712</v>
      </c>
      <c r="K11" s="67">
        <v>12339</v>
      </c>
    </row>
    <row r="12" spans="1:18" ht="11.25" customHeight="1">
      <c r="A12" s="45"/>
      <c r="B12" s="54">
        <v>29</v>
      </c>
      <c r="C12" s="33"/>
      <c r="D12" s="26">
        <v>496793</v>
      </c>
      <c r="E12" s="26">
        <v>265442</v>
      </c>
      <c r="F12" s="26">
        <v>220592</v>
      </c>
      <c r="G12" s="26">
        <v>10759</v>
      </c>
      <c r="H12" s="26">
        <v>469831</v>
      </c>
      <c r="I12" s="26">
        <v>237013</v>
      </c>
      <c r="J12" s="26">
        <v>221619</v>
      </c>
      <c r="K12" s="67">
        <v>11199</v>
      </c>
    </row>
    <row r="13" spans="1:18" ht="11.25" customHeight="1">
      <c r="A13" s="32"/>
      <c r="B13" s="54">
        <v>28</v>
      </c>
      <c r="C13" s="33"/>
      <c r="D13" s="26">
        <v>486889</v>
      </c>
      <c r="E13" s="26">
        <v>259314</v>
      </c>
      <c r="F13" s="26">
        <v>216791</v>
      </c>
      <c r="G13" s="26">
        <v>10784</v>
      </c>
      <c r="H13" s="26">
        <v>462172</v>
      </c>
      <c r="I13" s="26">
        <v>233261</v>
      </c>
      <c r="J13" s="26">
        <v>217581</v>
      </c>
      <c r="K13" s="67">
        <v>11330</v>
      </c>
    </row>
    <row r="14" spans="1:18" ht="11.25" customHeight="1">
      <c r="A14" s="38"/>
      <c r="B14" s="57" t="s">
        <v>198</v>
      </c>
      <c r="C14" s="40"/>
      <c r="D14" s="68">
        <v>521832</v>
      </c>
      <c r="E14" s="68">
        <v>262018</v>
      </c>
      <c r="F14" s="68">
        <v>226485</v>
      </c>
      <c r="G14" s="68">
        <v>33329</v>
      </c>
      <c r="H14" s="68">
        <v>492649</v>
      </c>
      <c r="I14" s="68">
        <v>237337</v>
      </c>
      <c r="J14" s="68">
        <v>227223</v>
      </c>
      <c r="K14" s="69">
        <v>28089</v>
      </c>
    </row>
    <row r="15" spans="1:18" ht="11.25" customHeight="1">
      <c r="A15" s="45"/>
      <c r="B15" s="54">
        <v>26</v>
      </c>
      <c r="C15" s="33"/>
      <c r="D15" s="34">
        <v>478908</v>
      </c>
      <c r="E15" s="34">
        <v>241986</v>
      </c>
      <c r="F15" s="34">
        <v>217356</v>
      </c>
      <c r="G15" s="34">
        <v>19566</v>
      </c>
      <c r="H15" s="34">
        <v>462116</v>
      </c>
      <c r="I15" s="34">
        <v>229444</v>
      </c>
      <c r="J15" s="34">
        <v>218377</v>
      </c>
      <c r="K15" s="70">
        <v>14295</v>
      </c>
    </row>
    <row r="16" spans="1:18" ht="11.25" customHeight="1">
      <c r="A16" s="45"/>
      <c r="B16" s="54">
        <v>25</v>
      </c>
      <c r="C16" s="33"/>
      <c r="D16" s="34">
        <v>486505</v>
      </c>
      <c r="E16" s="34">
        <v>243151</v>
      </c>
      <c r="F16" s="34">
        <v>225349</v>
      </c>
      <c r="G16" s="34">
        <v>18005</v>
      </c>
      <c r="H16" s="34">
        <v>477310</v>
      </c>
      <c r="I16" s="34">
        <v>232820</v>
      </c>
      <c r="J16" s="34">
        <v>226205</v>
      </c>
      <c r="K16" s="70">
        <v>18285</v>
      </c>
    </row>
    <row r="17" spans="1:11" ht="11.25" customHeight="1">
      <c r="A17" s="45"/>
      <c r="B17" s="54">
        <v>24</v>
      </c>
      <c r="C17" s="33"/>
      <c r="D17" s="34">
        <v>487933</v>
      </c>
      <c r="E17" s="34">
        <v>247534</v>
      </c>
      <c r="F17" s="34">
        <v>226497</v>
      </c>
      <c r="G17" s="34">
        <v>13902</v>
      </c>
      <c r="H17" s="34">
        <v>480282</v>
      </c>
      <c r="I17" s="34">
        <v>241640</v>
      </c>
      <c r="J17" s="34">
        <v>227171</v>
      </c>
      <c r="K17" s="70">
        <v>11471</v>
      </c>
    </row>
    <row r="18" spans="1:11" ht="11.25" customHeight="1">
      <c r="A18" s="32"/>
      <c r="B18" s="54">
        <v>23</v>
      </c>
      <c r="C18" s="33"/>
      <c r="D18" s="34">
        <v>484175</v>
      </c>
      <c r="E18" s="34">
        <v>252086</v>
      </c>
      <c r="F18" s="34">
        <v>223613</v>
      </c>
      <c r="G18" s="34">
        <v>8476</v>
      </c>
      <c r="H18" s="34">
        <v>480916</v>
      </c>
      <c r="I18" s="34">
        <v>248853</v>
      </c>
      <c r="J18" s="34">
        <v>223991</v>
      </c>
      <c r="K18" s="70">
        <v>8072</v>
      </c>
    </row>
    <row r="19" spans="1:11" ht="11.25" customHeight="1">
      <c r="A19" s="38"/>
      <c r="B19" s="57" t="s">
        <v>199</v>
      </c>
      <c r="C19" s="40"/>
      <c r="D19" s="41">
        <v>530727</v>
      </c>
      <c r="E19" s="41">
        <v>262190</v>
      </c>
      <c r="F19" s="41">
        <v>231508</v>
      </c>
      <c r="G19" s="41">
        <v>37029</v>
      </c>
      <c r="H19" s="41">
        <v>499350</v>
      </c>
      <c r="I19" s="41">
        <v>250007</v>
      </c>
      <c r="J19" s="41">
        <v>231945</v>
      </c>
      <c r="K19" s="71">
        <v>17398</v>
      </c>
    </row>
    <row r="20" spans="1:11" ht="11.25" customHeight="1">
      <c r="A20" s="45"/>
      <c r="B20" s="54">
        <v>21</v>
      </c>
      <c r="C20" s="33"/>
      <c r="D20" s="34">
        <v>520485</v>
      </c>
      <c r="E20" s="34">
        <v>279077</v>
      </c>
      <c r="F20" s="34">
        <v>233183</v>
      </c>
      <c r="G20" s="34">
        <v>8225</v>
      </c>
      <c r="H20" s="34">
        <v>493001</v>
      </c>
      <c r="I20" s="34">
        <v>252803</v>
      </c>
      <c r="J20" s="34">
        <v>233166</v>
      </c>
      <c r="K20" s="70">
        <v>7032</v>
      </c>
    </row>
    <row r="21" spans="1:11" ht="11.25" customHeight="1">
      <c r="A21" s="45"/>
      <c r="B21" s="54">
        <v>20</v>
      </c>
      <c r="C21" s="33"/>
      <c r="D21" s="34">
        <v>530261</v>
      </c>
      <c r="E21" s="34">
        <v>288158</v>
      </c>
      <c r="F21" s="34">
        <v>234520</v>
      </c>
      <c r="G21" s="34">
        <v>7583</v>
      </c>
      <c r="H21" s="34">
        <v>491592</v>
      </c>
      <c r="I21" s="34">
        <v>250397</v>
      </c>
      <c r="J21" s="34">
        <v>235355</v>
      </c>
      <c r="K21" s="70">
        <v>5840</v>
      </c>
    </row>
    <row r="22" spans="1:11" ht="11.25" customHeight="1">
      <c r="A22" s="45"/>
      <c r="B22" s="54">
        <v>19</v>
      </c>
      <c r="C22" s="33"/>
      <c r="D22" s="34">
        <v>549582</v>
      </c>
      <c r="E22" s="34">
        <v>295703</v>
      </c>
      <c r="F22" s="34">
        <v>245735</v>
      </c>
      <c r="G22" s="34">
        <v>8144</v>
      </c>
      <c r="H22" s="34">
        <v>506684</v>
      </c>
      <c r="I22" s="34">
        <v>254470</v>
      </c>
      <c r="J22" s="34">
        <v>245271</v>
      </c>
      <c r="K22" s="70">
        <v>6943</v>
      </c>
    </row>
    <row r="23" spans="1:11" ht="11.25" customHeight="1">
      <c r="A23" s="32"/>
      <c r="B23" s="54">
        <v>18</v>
      </c>
      <c r="C23" s="33"/>
      <c r="D23" s="34">
        <v>543598</v>
      </c>
      <c r="E23" s="34">
        <v>287052</v>
      </c>
      <c r="F23" s="34">
        <v>248133</v>
      </c>
      <c r="G23" s="34">
        <v>8413</v>
      </c>
      <c r="H23" s="34">
        <v>517900</v>
      </c>
      <c r="I23" s="34">
        <v>262166</v>
      </c>
      <c r="J23" s="34">
        <v>247837</v>
      </c>
      <c r="K23" s="70">
        <v>7897</v>
      </c>
    </row>
    <row r="24" spans="1:11" ht="11.25" customHeight="1">
      <c r="A24" s="38"/>
      <c r="B24" s="57" t="s">
        <v>200</v>
      </c>
      <c r="C24" s="40"/>
      <c r="D24" s="41">
        <v>568091</v>
      </c>
      <c r="E24" s="41">
        <v>287023</v>
      </c>
      <c r="F24" s="41">
        <v>250199</v>
      </c>
      <c r="G24" s="41">
        <v>30869</v>
      </c>
      <c r="H24" s="41">
        <v>533608</v>
      </c>
      <c r="I24" s="41">
        <v>258583</v>
      </c>
      <c r="J24" s="41">
        <v>250142</v>
      </c>
      <c r="K24" s="71">
        <v>24883</v>
      </c>
    </row>
    <row r="25" spans="1:11" ht="11.25" customHeight="1">
      <c r="A25" s="45"/>
      <c r="B25" s="54">
        <v>16</v>
      </c>
      <c r="C25" s="33"/>
      <c r="D25" s="34">
        <v>558651</v>
      </c>
      <c r="E25" s="34">
        <v>289320</v>
      </c>
      <c r="F25" s="34">
        <v>260373</v>
      </c>
      <c r="G25" s="34">
        <v>8958</v>
      </c>
      <c r="H25" s="34">
        <v>532687</v>
      </c>
      <c r="I25" s="34">
        <v>264053</v>
      </c>
      <c r="J25" s="34">
        <v>259985</v>
      </c>
      <c r="K25" s="70">
        <v>8649</v>
      </c>
    </row>
    <row r="26" spans="1:11" ht="11.25" customHeight="1">
      <c r="A26" s="45"/>
      <c r="B26" s="54">
        <v>15</v>
      </c>
      <c r="C26" s="33"/>
      <c r="D26" s="34">
        <v>574857</v>
      </c>
      <c r="E26" s="34">
        <v>297780</v>
      </c>
      <c r="F26" s="34">
        <v>268202</v>
      </c>
      <c r="G26" s="34">
        <v>8875</v>
      </c>
      <c r="H26" s="34">
        <v>543116</v>
      </c>
      <c r="I26" s="34">
        <v>266691</v>
      </c>
      <c r="J26" s="34">
        <v>267895</v>
      </c>
      <c r="K26" s="70">
        <v>8530</v>
      </c>
    </row>
    <row r="27" spans="1:11" ht="11.25" customHeight="1">
      <c r="A27" s="45"/>
      <c r="B27" s="54">
        <v>14</v>
      </c>
      <c r="C27" s="33"/>
      <c r="D27" s="34">
        <v>571871</v>
      </c>
      <c r="E27" s="34">
        <v>299871</v>
      </c>
      <c r="F27" s="34">
        <v>263201</v>
      </c>
      <c r="G27" s="34">
        <v>8799</v>
      </c>
      <c r="H27" s="34">
        <v>536760</v>
      </c>
      <c r="I27" s="34">
        <v>264764</v>
      </c>
      <c r="J27" s="34">
        <v>263120</v>
      </c>
      <c r="K27" s="70">
        <v>8876</v>
      </c>
    </row>
    <row r="28" spans="1:11" ht="11.25" customHeight="1">
      <c r="A28" s="32"/>
      <c r="B28" s="54">
        <v>13</v>
      </c>
      <c r="C28" s="33"/>
      <c r="D28" s="34">
        <v>583135</v>
      </c>
      <c r="E28" s="34">
        <v>302943</v>
      </c>
      <c r="F28" s="34">
        <v>270516</v>
      </c>
      <c r="G28" s="34">
        <v>9676</v>
      </c>
      <c r="H28" s="34">
        <v>542159</v>
      </c>
      <c r="I28" s="34">
        <v>264447</v>
      </c>
      <c r="J28" s="34">
        <v>268727</v>
      </c>
      <c r="K28" s="70">
        <v>8985</v>
      </c>
    </row>
    <row r="29" spans="1:11" ht="11.25" customHeight="1">
      <c r="A29" s="38"/>
      <c r="B29" s="57" t="s">
        <v>201</v>
      </c>
      <c r="C29" s="40"/>
      <c r="D29" s="41">
        <v>591245</v>
      </c>
      <c r="E29" s="41">
        <v>295433</v>
      </c>
      <c r="F29" s="41">
        <v>272866</v>
      </c>
      <c r="G29" s="41">
        <v>22946</v>
      </c>
      <c r="H29" s="41">
        <v>567138</v>
      </c>
      <c r="I29" s="41">
        <v>271142</v>
      </c>
      <c r="J29" s="41">
        <v>272746</v>
      </c>
      <c r="K29" s="71">
        <v>23250</v>
      </c>
    </row>
    <row r="30" spans="1:11" ht="11.25" customHeight="1">
      <c r="A30" s="45"/>
      <c r="B30" s="54">
        <v>11</v>
      </c>
      <c r="C30" s="33"/>
      <c r="D30" s="34">
        <v>572124</v>
      </c>
      <c r="E30" s="34">
        <v>288677</v>
      </c>
      <c r="F30" s="34">
        <v>273476</v>
      </c>
      <c r="G30" s="34">
        <v>9971</v>
      </c>
      <c r="H30" s="34">
        <v>555694</v>
      </c>
      <c r="I30" s="34">
        <v>273315</v>
      </c>
      <c r="J30" s="34">
        <v>272713</v>
      </c>
      <c r="K30" s="70">
        <v>9666</v>
      </c>
    </row>
    <row r="31" spans="1:11" ht="11.25" customHeight="1">
      <c r="A31" s="45"/>
      <c r="B31" s="54">
        <v>10</v>
      </c>
      <c r="C31" s="33"/>
      <c r="D31" s="34">
        <v>574061</v>
      </c>
      <c r="E31" s="34">
        <v>296439</v>
      </c>
      <c r="F31" s="34">
        <v>267924</v>
      </c>
      <c r="G31" s="34">
        <v>9698</v>
      </c>
      <c r="H31" s="34">
        <v>551188</v>
      </c>
      <c r="I31" s="34">
        <v>274820</v>
      </c>
      <c r="J31" s="34">
        <v>267862</v>
      </c>
      <c r="K31" s="70">
        <v>8506</v>
      </c>
    </row>
    <row r="32" spans="1:11" ht="11.25" customHeight="1">
      <c r="A32" s="45"/>
      <c r="B32" s="54">
        <v>9</v>
      </c>
      <c r="C32" s="33"/>
      <c r="D32" s="34">
        <v>579491</v>
      </c>
      <c r="E32" s="34">
        <v>290805</v>
      </c>
      <c r="F32" s="34">
        <v>278709</v>
      </c>
      <c r="G32" s="34">
        <v>9977</v>
      </c>
      <c r="H32" s="34">
        <v>569355</v>
      </c>
      <c r="I32" s="34">
        <v>281724</v>
      </c>
      <c r="J32" s="34">
        <v>278382</v>
      </c>
      <c r="K32" s="70">
        <v>9249</v>
      </c>
    </row>
    <row r="33" spans="1:21" ht="11.25" customHeight="1">
      <c r="A33" s="32"/>
      <c r="B33" s="54">
        <v>8</v>
      </c>
      <c r="C33" s="33"/>
      <c r="D33" s="34">
        <v>590290</v>
      </c>
      <c r="E33" s="34">
        <v>288780</v>
      </c>
      <c r="F33" s="34">
        <v>291854</v>
      </c>
      <c r="G33" s="34">
        <v>9656</v>
      </c>
      <c r="H33" s="34">
        <v>584410</v>
      </c>
      <c r="I33" s="34">
        <v>284317</v>
      </c>
      <c r="J33" s="34">
        <v>291654</v>
      </c>
      <c r="K33" s="70">
        <v>8439</v>
      </c>
    </row>
    <row r="34" spans="1:21" ht="11.25" customHeight="1">
      <c r="A34" s="38"/>
      <c r="B34" s="57" t="s">
        <v>202</v>
      </c>
      <c r="C34" s="40"/>
      <c r="D34" s="41">
        <v>598915</v>
      </c>
      <c r="E34" s="41">
        <v>292865</v>
      </c>
      <c r="F34" s="41">
        <v>289539</v>
      </c>
      <c r="G34" s="41">
        <v>16511</v>
      </c>
      <c r="H34" s="41">
        <v>620394</v>
      </c>
      <c r="I34" s="41">
        <v>296667</v>
      </c>
      <c r="J34" s="41">
        <v>289404</v>
      </c>
      <c r="K34" s="71">
        <v>34323</v>
      </c>
    </row>
    <row r="35" spans="1:21" ht="11.25" customHeight="1">
      <c r="A35" s="45"/>
      <c r="B35" s="54">
        <v>6</v>
      </c>
      <c r="C35" s="33"/>
      <c r="D35" s="34">
        <v>599910</v>
      </c>
      <c r="E35" s="34">
        <v>300458</v>
      </c>
      <c r="F35" s="34">
        <v>289764</v>
      </c>
      <c r="G35" s="34">
        <v>9688</v>
      </c>
      <c r="H35" s="34">
        <v>598188</v>
      </c>
      <c r="I35" s="34">
        <v>299738</v>
      </c>
      <c r="J35" s="34">
        <v>289907</v>
      </c>
      <c r="K35" s="70">
        <v>8543</v>
      </c>
    </row>
    <row r="36" spans="1:21" ht="11.25" customHeight="1">
      <c r="A36" s="45"/>
      <c r="B36" s="54">
        <v>5</v>
      </c>
      <c r="C36" s="33"/>
      <c r="D36" s="34">
        <v>597641</v>
      </c>
      <c r="E36" s="34">
        <v>311858</v>
      </c>
      <c r="F36" s="34">
        <v>274440</v>
      </c>
      <c r="G36" s="34">
        <v>11343</v>
      </c>
      <c r="H36" s="34">
        <v>585641</v>
      </c>
      <c r="I36" s="34">
        <v>301265</v>
      </c>
      <c r="J36" s="34">
        <v>274186</v>
      </c>
      <c r="K36" s="70">
        <v>10190</v>
      </c>
    </row>
    <row r="37" spans="1:21" ht="11.25" customHeight="1">
      <c r="A37" s="45"/>
      <c r="B37" s="54">
        <v>4</v>
      </c>
      <c r="C37" s="33"/>
      <c r="D37" s="34">
        <v>593602</v>
      </c>
      <c r="E37" s="34">
        <v>325927</v>
      </c>
      <c r="F37" s="34">
        <v>256613</v>
      </c>
      <c r="G37" s="34">
        <v>11062</v>
      </c>
      <c r="H37" s="34">
        <v>568327</v>
      </c>
      <c r="I37" s="34">
        <v>302113</v>
      </c>
      <c r="J37" s="34">
        <v>256228</v>
      </c>
      <c r="K37" s="70">
        <v>9986</v>
      </c>
    </row>
    <row r="38" spans="1:21" ht="11.25" customHeight="1">
      <c r="A38" s="32"/>
      <c r="B38" s="54">
        <v>3</v>
      </c>
      <c r="C38" s="33"/>
      <c r="D38" s="34">
        <v>596314</v>
      </c>
      <c r="E38" s="34">
        <v>332413</v>
      </c>
      <c r="F38" s="34">
        <v>247065</v>
      </c>
      <c r="G38" s="34">
        <v>16836</v>
      </c>
      <c r="H38" s="34">
        <v>551133</v>
      </c>
      <c r="I38" s="34">
        <v>290298</v>
      </c>
      <c r="J38" s="34">
        <v>245879</v>
      </c>
      <c r="K38" s="70">
        <v>14956</v>
      </c>
    </row>
    <row r="39" spans="1:21" ht="11.25" customHeight="1">
      <c r="A39" s="38"/>
      <c r="B39" s="57" t="s">
        <v>203</v>
      </c>
      <c r="C39" s="40"/>
      <c r="D39" s="41">
        <v>611876</v>
      </c>
      <c r="E39" s="41">
        <v>338253</v>
      </c>
      <c r="F39" s="41">
        <v>257607</v>
      </c>
      <c r="G39" s="41">
        <v>16016</v>
      </c>
      <c r="H39" s="41">
        <v>563477</v>
      </c>
      <c r="I39" s="41">
        <v>282760</v>
      </c>
      <c r="J39" s="41">
        <v>257829</v>
      </c>
      <c r="K39" s="71">
        <v>22888</v>
      </c>
    </row>
    <row r="40" spans="1:21" ht="11.25" customHeight="1">
      <c r="A40" s="45"/>
      <c r="B40" s="54" t="s">
        <v>204</v>
      </c>
      <c r="C40" s="33"/>
      <c r="D40" s="34">
        <v>585529</v>
      </c>
      <c r="E40" s="34">
        <v>330799</v>
      </c>
      <c r="F40" s="34">
        <v>249728</v>
      </c>
      <c r="G40" s="34">
        <v>5002</v>
      </c>
      <c r="H40" s="34">
        <v>527593</v>
      </c>
      <c r="I40" s="34">
        <v>275182</v>
      </c>
      <c r="J40" s="34">
        <v>248368</v>
      </c>
      <c r="K40" s="70">
        <v>4043</v>
      </c>
    </row>
    <row r="41" spans="1:21" ht="11.25" customHeight="1">
      <c r="A41" s="45"/>
      <c r="B41" s="54" t="s">
        <v>205</v>
      </c>
      <c r="C41" s="33"/>
      <c r="D41" s="34">
        <v>568062</v>
      </c>
      <c r="E41" s="34">
        <v>321833</v>
      </c>
      <c r="F41" s="34">
        <v>241225</v>
      </c>
      <c r="G41" s="34">
        <v>5004</v>
      </c>
      <c r="H41" s="34">
        <v>506369</v>
      </c>
      <c r="I41" s="34">
        <v>262268</v>
      </c>
      <c r="J41" s="34">
        <v>240161</v>
      </c>
      <c r="K41" s="70">
        <v>3940</v>
      </c>
    </row>
    <row r="42" spans="1:21" ht="11.25" customHeight="1">
      <c r="A42" s="45"/>
      <c r="B42" s="54">
        <v>62</v>
      </c>
      <c r="C42" s="33"/>
      <c r="D42" s="34">
        <v>579558</v>
      </c>
      <c r="E42" s="34">
        <v>330722</v>
      </c>
      <c r="F42" s="34">
        <v>244002</v>
      </c>
      <c r="G42" s="34">
        <v>4834</v>
      </c>
      <c r="H42" s="34">
        <v>499323</v>
      </c>
      <c r="I42" s="34">
        <v>250839</v>
      </c>
      <c r="J42" s="34">
        <v>243009</v>
      </c>
      <c r="K42" s="70">
        <v>5475</v>
      </c>
    </row>
    <row r="43" spans="1:21" ht="11.25" customHeight="1">
      <c r="A43" s="32"/>
      <c r="B43" s="54">
        <v>61</v>
      </c>
      <c r="C43" s="33"/>
      <c r="D43" s="34">
        <v>559606</v>
      </c>
      <c r="E43" s="34">
        <v>314830</v>
      </c>
      <c r="F43" s="34">
        <v>239601</v>
      </c>
      <c r="G43" s="34">
        <v>5175</v>
      </c>
      <c r="H43" s="34">
        <v>488702</v>
      </c>
      <c r="I43" s="34">
        <v>243877</v>
      </c>
      <c r="J43" s="34">
        <v>239060</v>
      </c>
      <c r="K43" s="70">
        <v>5765</v>
      </c>
    </row>
    <row r="44" spans="1:21" ht="11.25" customHeight="1">
      <c r="A44" s="38"/>
      <c r="B44" s="57" t="s">
        <v>206</v>
      </c>
      <c r="C44" s="40"/>
      <c r="D44" s="41">
        <v>545369</v>
      </c>
      <c r="E44" s="41">
        <v>295339</v>
      </c>
      <c r="F44" s="41">
        <v>232391</v>
      </c>
      <c r="G44" s="41">
        <v>17639</v>
      </c>
      <c r="H44" s="41">
        <v>495692</v>
      </c>
      <c r="I44" s="41">
        <v>245842</v>
      </c>
      <c r="J44" s="41">
        <v>232202</v>
      </c>
      <c r="K44" s="71">
        <v>17648</v>
      </c>
    </row>
    <row r="45" spans="1:21" ht="11.25" customHeight="1">
      <c r="A45" s="45"/>
      <c r="B45" s="54">
        <v>59</v>
      </c>
      <c r="C45" s="33"/>
      <c r="D45" s="34">
        <v>529376</v>
      </c>
      <c r="E45" s="34">
        <v>288534</v>
      </c>
      <c r="F45" s="34">
        <v>235049</v>
      </c>
      <c r="G45" s="34">
        <v>5793</v>
      </c>
      <c r="H45" s="34">
        <v>483933</v>
      </c>
      <c r="I45" s="34">
        <v>244380</v>
      </c>
      <c r="J45" s="34">
        <v>233493</v>
      </c>
      <c r="K45" s="70">
        <v>6060</v>
      </c>
    </row>
    <row r="46" spans="1:21" ht="11.25" customHeight="1">
      <c r="A46" s="45"/>
      <c r="B46" s="54">
        <v>58</v>
      </c>
      <c r="C46" s="33"/>
      <c r="D46" s="34">
        <v>530510</v>
      </c>
      <c r="E46" s="34">
        <v>287993</v>
      </c>
      <c r="F46" s="34">
        <v>238239</v>
      </c>
      <c r="G46" s="34">
        <v>4278</v>
      </c>
      <c r="H46" s="34">
        <v>488327</v>
      </c>
      <c r="I46" s="34">
        <v>245725</v>
      </c>
      <c r="J46" s="34">
        <v>237126</v>
      </c>
      <c r="K46" s="70">
        <v>5476</v>
      </c>
    </row>
    <row r="47" spans="1:21" ht="11.25" customHeight="1">
      <c r="A47" s="45"/>
      <c r="B47" s="54">
        <v>57</v>
      </c>
      <c r="C47" s="33"/>
      <c r="D47" s="34">
        <v>542446</v>
      </c>
      <c r="E47" s="34">
        <v>293527</v>
      </c>
      <c r="F47" s="34">
        <v>244652</v>
      </c>
      <c r="G47" s="34">
        <v>4267</v>
      </c>
      <c r="H47" s="34">
        <v>499302</v>
      </c>
      <c r="I47" s="34">
        <v>251341</v>
      </c>
      <c r="J47" s="34">
        <v>243678</v>
      </c>
      <c r="K47" s="70">
        <v>4283</v>
      </c>
    </row>
    <row r="48" spans="1:21" s="1" customFormat="1" ht="11.25" customHeight="1">
      <c r="A48" s="32"/>
      <c r="B48" s="54">
        <v>56</v>
      </c>
      <c r="C48" s="33"/>
      <c r="D48" s="34">
        <v>540831</v>
      </c>
      <c r="E48" s="34">
        <v>291580</v>
      </c>
      <c r="F48" s="34">
        <v>245058</v>
      </c>
      <c r="G48" s="34">
        <v>4193</v>
      </c>
      <c r="H48" s="34">
        <v>501972</v>
      </c>
      <c r="I48" s="34">
        <v>253476</v>
      </c>
      <c r="J48" s="34">
        <v>243898</v>
      </c>
      <c r="K48" s="70">
        <v>4598</v>
      </c>
      <c r="S48"/>
      <c r="T48"/>
      <c r="U48"/>
    </row>
    <row r="49" spans="1:21" s="1" customFormat="1" ht="11.25" customHeight="1">
      <c r="A49" s="38"/>
      <c r="B49" s="57" t="s">
        <v>207</v>
      </c>
      <c r="C49" s="40"/>
      <c r="D49" s="41">
        <v>549403</v>
      </c>
      <c r="E49" s="41">
        <v>287154</v>
      </c>
      <c r="F49" s="41">
        <v>256153</v>
      </c>
      <c r="G49" s="41">
        <v>6096</v>
      </c>
      <c r="H49" s="41">
        <v>527509</v>
      </c>
      <c r="I49" s="41">
        <v>258875</v>
      </c>
      <c r="J49" s="41">
        <v>255151</v>
      </c>
      <c r="K49" s="71">
        <v>13483</v>
      </c>
      <c r="S49"/>
      <c r="T49"/>
      <c r="U49"/>
    </row>
    <row r="50" spans="1:21" s="1" customFormat="1" ht="11.25" customHeight="1">
      <c r="A50" s="60"/>
      <c r="B50" s="61">
        <v>54</v>
      </c>
      <c r="C50" s="49"/>
      <c r="D50" s="62">
        <v>572868</v>
      </c>
      <c r="E50" s="62">
        <v>299420</v>
      </c>
      <c r="F50" s="62">
        <v>267920</v>
      </c>
      <c r="G50" s="62">
        <v>5528</v>
      </c>
      <c r="H50" s="62">
        <v>547040</v>
      </c>
      <c r="I50" s="62">
        <v>266247</v>
      </c>
      <c r="J50" s="62">
        <v>265230</v>
      </c>
      <c r="K50" s="72">
        <v>15563</v>
      </c>
      <c r="S50"/>
      <c r="T50"/>
      <c r="U50"/>
    </row>
    <row r="51" spans="1:21" s="1" customFormat="1" ht="11.25" customHeight="1" thickBot="1">
      <c r="A51" s="60"/>
      <c r="B51" s="61">
        <v>53</v>
      </c>
      <c r="C51" s="49"/>
      <c r="D51" s="62">
        <v>577221</v>
      </c>
      <c r="E51" s="62">
        <v>301226</v>
      </c>
      <c r="F51" s="62">
        <v>269933</v>
      </c>
      <c r="G51" s="62">
        <v>6062</v>
      </c>
      <c r="H51" s="62">
        <v>540913</v>
      </c>
      <c r="I51" s="62">
        <v>259456</v>
      </c>
      <c r="J51" s="62">
        <v>268147</v>
      </c>
      <c r="K51" s="72">
        <v>13310</v>
      </c>
      <c r="S51"/>
      <c r="T51"/>
      <c r="U51"/>
    </row>
    <row r="52" spans="1:21" s="73" customFormat="1" ht="13.5" customHeight="1">
      <c r="A52" s="233" t="s">
        <v>35</v>
      </c>
      <c r="B52" s="233"/>
      <c r="C52" s="233"/>
      <c r="D52" s="233"/>
      <c r="E52" s="233"/>
      <c r="F52" s="233"/>
      <c r="G52" s="233"/>
      <c r="H52" s="233"/>
      <c r="I52" s="233"/>
      <c r="J52" s="233"/>
      <c r="K52" s="233"/>
    </row>
  </sheetData>
  <mergeCells count="6">
    <mergeCell ref="A52:K52"/>
    <mergeCell ref="A1:K1"/>
    <mergeCell ref="A2:C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  <headerFooter>
    <oddFooter>&amp;C&amp;"HGPｺﾞｼｯｸM,ﾒﾃﾞｨｳﾑ"&amp;9- 15 -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19"/>
  <sheetViews>
    <sheetView view="pageBreakPreview" zoomScaleNormal="115" zoomScaleSheetLayoutView="100" workbookViewId="0">
      <selection sqref="A1:J1"/>
    </sheetView>
  </sheetViews>
  <sheetFormatPr defaultRowHeight="14.25"/>
  <cols>
    <col min="1" max="1" width="1.75" style="2" customWidth="1"/>
    <col min="2" max="2" width="7.625" style="2" customWidth="1"/>
    <col min="3" max="3" width="1.25" style="2" customWidth="1"/>
    <col min="4" max="11" width="8.75" style="2" customWidth="1"/>
    <col min="12" max="18" width="6.875" style="2" customWidth="1"/>
  </cols>
  <sheetData>
    <row r="1" spans="1:21" ht="17.25" customHeight="1">
      <c r="A1" s="206" t="s">
        <v>36</v>
      </c>
      <c r="B1" s="206"/>
      <c r="C1" s="206"/>
      <c r="D1" s="206"/>
      <c r="E1" s="206"/>
      <c r="F1" s="206"/>
      <c r="G1" s="206"/>
      <c r="H1" s="206"/>
      <c r="I1" s="206"/>
      <c r="J1" s="206"/>
      <c r="K1" s="202"/>
    </row>
    <row r="2" spans="1:21" ht="13.5" customHeight="1" thickBot="1">
      <c r="A2" s="207" t="s">
        <v>37</v>
      </c>
      <c r="B2" s="207"/>
      <c r="C2" s="207"/>
      <c r="I2" s="237" t="s">
        <v>212</v>
      </c>
      <c r="J2" s="237"/>
      <c r="K2" s="88"/>
    </row>
    <row r="3" spans="1:21" ht="13.5" customHeight="1">
      <c r="A3" s="208" t="s">
        <v>38</v>
      </c>
      <c r="B3" s="209"/>
      <c r="C3" s="209"/>
      <c r="D3" s="214" t="s">
        <v>39</v>
      </c>
      <c r="E3" s="217" t="s">
        <v>7</v>
      </c>
      <c r="F3" s="238"/>
      <c r="G3" s="239"/>
      <c r="H3" s="217" t="s">
        <v>8</v>
      </c>
      <c r="I3" s="238"/>
      <c r="J3" s="240"/>
      <c r="K3" s="74"/>
    </row>
    <row r="4" spans="1:21" ht="13.5" customHeight="1">
      <c r="A4" s="212"/>
      <c r="B4" s="213"/>
      <c r="C4" s="213"/>
      <c r="D4" s="216"/>
      <c r="E4" s="8"/>
      <c r="F4" s="7" t="s">
        <v>20</v>
      </c>
      <c r="G4" s="7" t="s">
        <v>21</v>
      </c>
      <c r="H4" s="8"/>
      <c r="I4" s="7" t="s">
        <v>22</v>
      </c>
      <c r="J4" s="65" t="s">
        <v>23</v>
      </c>
      <c r="K4" s="75"/>
    </row>
    <row r="5" spans="1:21" ht="10.5" customHeight="1">
      <c r="A5" s="9"/>
      <c r="B5" s="49"/>
      <c r="C5" s="49"/>
      <c r="D5" s="13" t="s">
        <v>10</v>
      </c>
      <c r="E5" s="13" t="s">
        <v>10</v>
      </c>
      <c r="F5" s="13" t="s">
        <v>10</v>
      </c>
      <c r="G5" s="13" t="s">
        <v>10</v>
      </c>
      <c r="H5" s="13" t="s">
        <v>10</v>
      </c>
      <c r="I5" s="13" t="s">
        <v>10</v>
      </c>
      <c r="J5" s="76" t="s">
        <v>10</v>
      </c>
    </row>
    <row r="6" spans="1:21" ht="10.5" customHeight="1">
      <c r="A6" s="77"/>
      <c r="B6" s="78" t="s">
        <v>40</v>
      </c>
      <c r="C6" s="17"/>
      <c r="D6" s="51">
        <v>-2810</v>
      </c>
      <c r="E6" s="51">
        <v>-43852</v>
      </c>
      <c r="F6" s="51">
        <v>55876</v>
      </c>
      <c r="G6" s="51">
        <v>99728</v>
      </c>
      <c r="H6" s="51">
        <v>41042</v>
      </c>
      <c r="I6" s="51">
        <v>506632</v>
      </c>
      <c r="J6" s="79">
        <v>465590</v>
      </c>
    </row>
    <row r="7" spans="1:21" ht="10.5" customHeight="1">
      <c r="A7" s="9"/>
      <c r="B7" s="75" t="s">
        <v>41</v>
      </c>
      <c r="C7" s="49"/>
      <c r="D7" s="62">
        <v>-5972</v>
      </c>
      <c r="E7" s="62">
        <v>-6088</v>
      </c>
      <c r="F7" s="62">
        <v>4739</v>
      </c>
      <c r="G7" s="62">
        <v>10827</v>
      </c>
      <c r="H7" s="62">
        <v>116</v>
      </c>
      <c r="I7" s="62">
        <v>32562</v>
      </c>
      <c r="J7" s="80">
        <v>32446</v>
      </c>
    </row>
    <row r="8" spans="1:21" ht="10.5" customHeight="1">
      <c r="A8" s="9"/>
      <c r="B8" s="75" t="s">
        <v>42</v>
      </c>
      <c r="C8" s="49"/>
      <c r="D8" s="62">
        <v>-4975</v>
      </c>
      <c r="E8" s="62">
        <v>-4349</v>
      </c>
      <c r="F8" s="62">
        <v>4179</v>
      </c>
      <c r="G8" s="62">
        <v>8528</v>
      </c>
      <c r="H8" s="62">
        <v>-626</v>
      </c>
      <c r="I8" s="62">
        <v>35306</v>
      </c>
      <c r="J8" s="80">
        <v>35932</v>
      </c>
    </row>
    <row r="9" spans="1:21" ht="10.5" customHeight="1">
      <c r="A9" s="9"/>
      <c r="B9" s="75" t="s">
        <v>43</v>
      </c>
      <c r="C9" s="49"/>
      <c r="D9" s="62">
        <v>5154</v>
      </c>
      <c r="E9" s="62">
        <v>-4112</v>
      </c>
      <c r="F9" s="62">
        <v>4562</v>
      </c>
      <c r="G9" s="62">
        <v>8674</v>
      </c>
      <c r="H9" s="62">
        <v>9266</v>
      </c>
      <c r="I9" s="62">
        <v>84214</v>
      </c>
      <c r="J9" s="80">
        <v>74948</v>
      </c>
    </row>
    <row r="10" spans="1:21" ht="10.5" customHeight="1">
      <c r="A10" s="9"/>
      <c r="B10" s="75" t="s">
        <v>44</v>
      </c>
      <c r="C10" s="49"/>
      <c r="D10" s="62">
        <v>12458</v>
      </c>
      <c r="E10" s="62">
        <v>-3135</v>
      </c>
      <c r="F10" s="62">
        <v>4003</v>
      </c>
      <c r="G10" s="62">
        <v>7138</v>
      </c>
      <c r="H10" s="62">
        <v>15593</v>
      </c>
      <c r="I10" s="62">
        <v>57791</v>
      </c>
      <c r="J10" s="80">
        <v>42198</v>
      </c>
    </row>
    <row r="11" spans="1:21" ht="10.5" customHeight="1">
      <c r="A11" s="9"/>
      <c r="B11" s="75" t="s">
        <v>45</v>
      </c>
      <c r="C11" s="49"/>
      <c r="D11" s="62">
        <v>925</v>
      </c>
      <c r="E11" s="62">
        <v>-3002</v>
      </c>
      <c r="F11" s="62">
        <v>4915</v>
      </c>
      <c r="G11" s="62">
        <v>7917</v>
      </c>
      <c r="H11" s="62">
        <v>3927</v>
      </c>
      <c r="I11" s="62">
        <v>40811</v>
      </c>
      <c r="J11" s="80">
        <v>36884</v>
      </c>
    </row>
    <row r="12" spans="1:21" s="2" customFormat="1" ht="10.5" customHeight="1">
      <c r="A12" s="9"/>
      <c r="B12" s="75" t="s">
        <v>46</v>
      </c>
      <c r="C12" s="49"/>
      <c r="D12" s="62">
        <v>-1946</v>
      </c>
      <c r="E12" s="62">
        <v>-2606</v>
      </c>
      <c r="F12" s="62">
        <v>4735</v>
      </c>
      <c r="G12" s="62">
        <v>7341</v>
      </c>
      <c r="H12" s="62">
        <v>660</v>
      </c>
      <c r="I12" s="62">
        <v>37098</v>
      </c>
      <c r="J12" s="80">
        <v>36438</v>
      </c>
      <c r="S12"/>
      <c r="T12"/>
      <c r="U12"/>
    </row>
    <row r="13" spans="1:21" s="2" customFormat="1" ht="10.5" customHeight="1">
      <c r="A13" s="9"/>
      <c r="B13" s="75" t="s">
        <v>47</v>
      </c>
      <c r="C13" s="49"/>
      <c r="D13" s="62">
        <v>-641</v>
      </c>
      <c r="E13" s="62">
        <v>-2568</v>
      </c>
      <c r="F13" s="62">
        <v>4886</v>
      </c>
      <c r="G13" s="62">
        <v>7454</v>
      </c>
      <c r="H13" s="62">
        <v>1927</v>
      </c>
      <c r="I13" s="62">
        <v>37763</v>
      </c>
      <c r="J13" s="80">
        <v>35836</v>
      </c>
      <c r="S13"/>
      <c r="T13"/>
      <c r="U13"/>
    </row>
    <row r="14" spans="1:21" s="2" customFormat="1" ht="10.5" customHeight="1">
      <c r="A14" s="9"/>
      <c r="B14" s="75" t="s">
        <v>48</v>
      </c>
      <c r="C14" s="49"/>
      <c r="D14" s="62">
        <v>-1477</v>
      </c>
      <c r="E14" s="62">
        <v>-3276</v>
      </c>
      <c r="F14" s="62">
        <v>5029</v>
      </c>
      <c r="G14" s="62">
        <v>8305</v>
      </c>
      <c r="H14" s="62">
        <v>1799</v>
      </c>
      <c r="I14" s="62">
        <v>38133</v>
      </c>
      <c r="J14" s="80">
        <v>36334</v>
      </c>
      <c r="S14"/>
      <c r="T14"/>
      <c r="U14"/>
    </row>
    <row r="15" spans="1:21" s="2" customFormat="1" ht="10.5" customHeight="1">
      <c r="A15" s="9"/>
      <c r="B15" s="75" t="s">
        <v>49</v>
      </c>
      <c r="C15" s="49"/>
      <c r="D15" s="62">
        <v>-1714</v>
      </c>
      <c r="E15" s="62">
        <v>-3533</v>
      </c>
      <c r="F15" s="62">
        <v>4633</v>
      </c>
      <c r="G15" s="62">
        <v>8166</v>
      </c>
      <c r="H15" s="62">
        <v>1819</v>
      </c>
      <c r="I15" s="62">
        <v>35219</v>
      </c>
      <c r="J15" s="80">
        <v>33400</v>
      </c>
      <c r="S15"/>
      <c r="T15"/>
      <c r="U15"/>
    </row>
    <row r="16" spans="1:21" s="2" customFormat="1" ht="10.5" customHeight="1">
      <c r="A16" s="9"/>
      <c r="B16" s="75" t="s">
        <v>50</v>
      </c>
      <c r="C16" s="49"/>
      <c r="D16" s="62">
        <v>-148</v>
      </c>
      <c r="E16" s="62">
        <v>-3766</v>
      </c>
      <c r="F16" s="62">
        <v>5010</v>
      </c>
      <c r="G16" s="62">
        <v>8776</v>
      </c>
      <c r="H16" s="62">
        <v>3618</v>
      </c>
      <c r="I16" s="62">
        <v>38093</v>
      </c>
      <c r="J16" s="80">
        <v>34475</v>
      </c>
      <c r="S16"/>
      <c r="T16"/>
      <c r="U16"/>
    </row>
    <row r="17" spans="1:21" s="2" customFormat="1" ht="10.5" customHeight="1">
      <c r="A17" s="9"/>
      <c r="B17" s="75" t="s">
        <v>51</v>
      </c>
      <c r="C17" s="49"/>
      <c r="D17" s="62">
        <v>-2524</v>
      </c>
      <c r="E17" s="62">
        <v>-3642</v>
      </c>
      <c r="F17" s="62">
        <v>4650</v>
      </c>
      <c r="G17" s="62">
        <v>8292</v>
      </c>
      <c r="H17" s="62">
        <v>1118</v>
      </c>
      <c r="I17" s="62">
        <v>33850</v>
      </c>
      <c r="J17" s="80">
        <v>32732</v>
      </c>
      <c r="S17"/>
      <c r="T17"/>
      <c r="U17"/>
    </row>
    <row r="18" spans="1:21" s="2" customFormat="1" ht="10.5" customHeight="1" thickBot="1">
      <c r="A18" s="81"/>
      <c r="B18" s="82" t="s">
        <v>52</v>
      </c>
      <c r="C18" s="83"/>
      <c r="D18" s="84">
        <v>-1950</v>
      </c>
      <c r="E18" s="84">
        <v>-3775</v>
      </c>
      <c r="F18" s="84">
        <v>4535</v>
      </c>
      <c r="G18" s="84">
        <v>8310</v>
      </c>
      <c r="H18" s="84">
        <v>1825</v>
      </c>
      <c r="I18" s="84">
        <v>35792</v>
      </c>
      <c r="J18" s="85">
        <v>33967</v>
      </c>
      <c r="K18" s="9"/>
      <c r="S18"/>
      <c r="T18"/>
      <c r="U18"/>
    </row>
    <row r="19" spans="1:21" s="63" customFormat="1" ht="13.5" customHeight="1">
      <c r="A19" s="229" t="s">
        <v>53</v>
      </c>
      <c r="B19" s="229"/>
      <c r="C19" s="229"/>
      <c r="D19" s="229"/>
      <c r="E19" s="229"/>
      <c r="F19" s="229"/>
      <c r="G19" s="229"/>
      <c r="H19" s="229"/>
      <c r="I19" s="229"/>
      <c r="J19" s="229"/>
      <c r="K19" s="229"/>
    </row>
  </sheetData>
  <mergeCells count="8">
    <mergeCell ref="A19:K19"/>
    <mergeCell ref="A1:J1"/>
    <mergeCell ref="A2:C2"/>
    <mergeCell ref="I2:J2"/>
    <mergeCell ref="A3:C4"/>
    <mergeCell ref="D3:D4"/>
    <mergeCell ref="E3:G3"/>
    <mergeCell ref="H3:J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  <headerFooter>
    <oddFooter>&amp;C&amp;"HGPｺﾞｼｯｸM,ﾒﾃﾞｨｳﾑ"&amp;9- 15 -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1:T70"/>
  <sheetViews>
    <sheetView view="pageBreakPreview" zoomScaleNormal="115" zoomScaleSheetLayoutView="100" workbookViewId="0"/>
  </sheetViews>
  <sheetFormatPr defaultRowHeight="14.25"/>
  <cols>
    <col min="1" max="1" width="1.375" style="1" customWidth="1"/>
    <col min="2" max="2" width="7.5" style="1" customWidth="1"/>
    <col min="3" max="3" width="1.375" style="1" customWidth="1"/>
    <col min="4" max="15" width="11.75" style="1" customWidth="1"/>
    <col min="16" max="16" width="1.25" style="1" customWidth="1"/>
    <col min="17" max="17" width="7.5" style="1" customWidth="1"/>
    <col min="18" max="18" width="1.25" style="1" customWidth="1"/>
  </cols>
  <sheetData>
    <row r="1" spans="1:20" ht="18.75" customHeight="1">
      <c r="C1" s="86"/>
      <c r="D1" s="241" t="s">
        <v>54</v>
      </c>
      <c r="E1" s="241"/>
      <c r="F1" s="241"/>
      <c r="G1" s="241"/>
      <c r="H1" s="241"/>
      <c r="I1" s="241"/>
      <c r="J1" s="86"/>
      <c r="K1" s="86"/>
      <c r="L1" s="86"/>
      <c r="M1" s="86"/>
      <c r="N1" s="86"/>
      <c r="O1" s="86"/>
      <c r="P1" s="49"/>
      <c r="Q1" s="87"/>
      <c r="R1" s="86"/>
    </row>
    <row r="2" spans="1:20" ht="15" customHeight="1" thickBot="1">
      <c r="A2" s="207" t="s">
        <v>55</v>
      </c>
      <c r="B2" s="207"/>
      <c r="C2" s="207"/>
      <c r="J2" s="242"/>
      <c r="K2" s="242"/>
      <c r="L2" s="242"/>
      <c r="M2" s="242"/>
      <c r="N2" s="242"/>
      <c r="O2" s="242"/>
      <c r="P2" s="243" t="s">
        <v>56</v>
      </c>
      <c r="Q2" s="243"/>
      <c r="R2" s="243"/>
    </row>
    <row r="3" spans="1:20" ht="15" customHeight="1">
      <c r="A3" s="244" t="s">
        <v>57</v>
      </c>
      <c r="B3" s="245"/>
      <c r="C3" s="245"/>
      <c r="D3" s="89" t="s">
        <v>58</v>
      </c>
      <c r="E3" s="89" t="s">
        <v>59</v>
      </c>
      <c r="F3" s="89" t="s">
        <v>60</v>
      </c>
      <c r="G3" s="89" t="s">
        <v>61</v>
      </c>
      <c r="H3" s="89" t="s">
        <v>62</v>
      </c>
      <c r="I3" s="90" t="s">
        <v>63</v>
      </c>
      <c r="J3" s="89" t="s">
        <v>64</v>
      </c>
      <c r="K3" s="89" t="s">
        <v>65</v>
      </c>
      <c r="L3" s="89" t="s">
        <v>66</v>
      </c>
      <c r="M3" s="89" t="s">
        <v>67</v>
      </c>
      <c r="N3" s="89" t="s">
        <v>68</v>
      </c>
      <c r="O3" s="89" t="s">
        <v>69</v>
      </c>
      <c r="P3" s="246" t="s">
        <v>57</v>
      </c>
      <c r="Q3" s="245"/>
      <c r="R3" s="247"/>
    </row>
    <row r="4" spans="1:20" ht="6.75" customHeight="1">
      <c r="A4" s="9"/>
      <c r="B4" s="49"/>
      <c r="C4" s="49"/>
      <c r="D4" s="12"/>
      <c r="E4" s="12"/>
      <c r="F4" s="12"/>
      <c r="G4" s="12"/>
      <c r="H4" s="12"/>
      <c r="I4" s="12"/>
      <c r="J4" s="12"/>
      <c r="K4" s="12"/>
      <c r="L4" s="12"/>
      <c r="M4" s="12"/>
      <c r="N4" s="12"/>
      <c r="O4" s="91"/>
      <c r="P4" s="92"/>
      <c r="Q4" s="49"/>
      <c r="R4" s="93"/>
    </row>
    <row r="5" spans="1:20" ht="13.5" customHeight="1">
      <c r="A5" s="50"/>
      <c r="B5" s="16" t="s">
        <v>228</v>
      </c>
      <c r="C5" s="17"/>
      <c r="D5" s="51">
        <v>9227901</v>
      </c>
      <c r="E5" s="51">
        <v>9221929</v>
      </c>
      <c r="F5" s="51">
        <v>9216954</v>
      </c>
      <c r="G5" s="51">
        <v>9222108</v>
      </c>
      <c r="H5" s="51">
        <v>9234566</v>
      </c>
      <c r="I5" s="51">
        <v>9235491</v>
      </c>
      <c r="J5" s="51">
        <v>9233545</v>
      </c>
      <c r="K5" s="51">
        <v>9232904</v>
      </c>
      <c r="L5" s="51">
        <v>9231427</v>
      </c>
      <c r="M5" s="51">
        <v>9229713</v>
      </c>
      <c r="N5" s="51">
        <v>9229565</v>
      </c>
      <c r="O5" s="94">
        <v>9227041</v>
      </c>
      <c r="P5" s="95"/>
      <c r="Q5" s="16" t="s">
        <v>228</v>
      </c>
      <c r="R5" s="96"/>
    </row>
    <row r="6" spans="1:20" s="30" customFormat="1" ht="13.5" customHeight="1">
      <c r="A6" s="32"/>
      <c r="B6" s="54">
        <v>4</v>
      </c>
      <c r="C6" s="33"/>
      <c r="D6" s="34">
        <v>9231177</v>
      </c>
      <c r="E6" s="34">
        <v>9224962</v>
      </c>
      <c r="F6" s="34">
        <v>9219037</v>
      </c>
      <c r="G6" s="34">
        <v>9221129</v>
      </c>
      <c r="H6" s="34">
        <v>9234172</v>
      </c>
      <c r="I6" s="34">
        <v>9237824</v>
      </c>
      <c r="J6" s="34">
        <v>9237123</v>
      </c>
      <c r="K6" s="34">
        <v>9235529</v>
      </c>
      <c r="L6" s="34">
        <v>9234324</v>
      </c>
      <c r="M6" s="34">
        <v>9232794</v>
      </c>
      <c r="N6" s="34">
        <v>9233492</v>
      </c>
      <c r="O6" s="97">
        <v>9232105</v>
      </c>
      <c r="P6" s="98"/>
      <c r="Q6" s="54">
        <v>4</v>
      </c>
      <c r="R6" s="99"/>
      <c r="S6" s="31"/>
      <c r="T6" s="31"/>
    </row>
    <row r="7" spans="1:20" s="31" customFormat="1" ht="13.5" customHeight="1">
      <c r="A7" s="32"/>
      <c r="B7" s="54">
        <v>3</v>
      </c>
      <c r="C7" s="33"/>
      <c r="D7" s="34">
        <v>9236337</v>
      </c>
      <c r="E7" s="34">
        <v>9231822</v>
      </c>
      <c r="F7" s="34">
        <v>9227745</v>
      </c>
      <c r="G7" s="34">
        <v>9232623</v>
      </c>
      <c r="H7" s="34">
        <v>9243550</v>
      </c>
      <c r="I7" s="34">
        <v>9243355</v>
      </c>
      <c r="J7" s="34">
        <v>9241927</v>
      </c>
      <c r="K7" s="34">
        <v>9239954</v>
      </c>
      <c r="L7" s="34">
        <v>9239650</v>
      </c>
      <c r="M7" s="34">
        <v>9236428</v>
      </c>
      <c r="N7" s="34">
        <v>9235158</v>
      </c>
      <c r="O7" s="97">
        <v>9233647</v>
      </c>
      <c r="P7" s="98"/>
      <c r="Q7" s="54">
        <v>3</v>
      </c>
      <c r="R7" s="99"/>
    </row>
    <row r="8" spans="1:20" s="31" customFormat="1" ht="13.5" customHeight="1">
      <c r="A8" s="38"/>
      <c r="B8" s="57" t="s">
        <v>196</v>
      </c>
      <c r="C8" s="100"/>
      <c r="D8" s="41">
        <v>9201825</v>
      </c>
      <c r="E8" s="41">
        <v>9198646</v>
      </c>
      <c r="F8" s="41">
        <v>9196411</v>
      </c>
      <c r="G8" s="41">
        <v>9204965</v>
      </c>
      <c r="H8" s="41">
        <v>9222618</v>
      </c>
      <c r="I8" s="41">
        <v>9222162</v>
      </c>
      <c r="J8" s="41">
        <v>9219863</v>
      </c>
      <c r="K8" s="41">
        <v>9217098</v>
      </c>
      <c r="L8" s="41">
        <v>9216009</v>
      </c>
      <c r="M8" s="41">
        <v>9237337</v>
      </c>
      <c r="N8" s="41">
        <v>9236126</v>
      </c>
      <c r="O8" s="101">
        <v>9236593</v>
      </c>
      <c r="P8" s="102"/>
      <c r="Q8" s="57" t="s">
        <v>196</v>
      </c>
      <c r="R8" s="103"/>
    </row>
    <row r="9" spans="1:20" s="31" customFormat="1" ht="13.5" customHeight="1">
      <c r="A9" s="45"/>
      <c r="B9" s="54" t="s">
        <v>197</v>
      </c>
      <c r="C9" s="104"/>
      <c r="D9" s="34">
        <v>9181625</v>
      </c>
      <c r="E9" s="34">
        <v>9178503</v>
      </c>
      <c r="F9" s="34">
        <v>9175042</v>
      </c>
      <c r="G9" s="34">
        <v>9180510</v>
      </c>
      <c r="H9" s="34">
        <v>9197925</v>
      </c>
      <c r="I9" s="34">
        <v>9199871</v>
      </c>
      <c r="J9" s="34">
        <v>9199590</v>
      </c>
      <c r="K9" s="34">
        <v>9199389</v>
      </c>
      <c r="L9" s="34">
        <v>9199037</v>
      </c>
      <c r="M9" s="34">
        <v>9200166</v>
      </c>
      <c r="N9" s="34">
        <v>9203069</v>
      </c>
      <c r="O9" s="97">
        <v>9202523</v>
      </c>
      <c r="P9" s="105"/>
      <c r="Q9" s="54" t="s">
        <v>197</v>
      </c>
      <c r="R9" s="106"/>
    </row>
    <row r="10" spans="1:20" s="31" customFormat="1" ht="13.5" customHeight="1">
      <c r="A10" s="45"/>
      <c r="B10" s="54">
        <v>30</v>
      </c>
      <c r="C10" s="104"/>
      <c r="D10" s="34">
        <v>9163279</v>
      </c>
      <c r="E10" s="34">
        <v>9160412</v>
      </c>
      <c r="F10" s="34">
        <v>9157211</v>
      </c>
      <c r="G10" s="34">
        <v>9161113</v>
      </c>
      <c r="H10" s="34">
        <v>9177834</v>
      </c>
      <c r="I10" s="34">
        <v>9180700</v>
      </c>
      <c r="J10" s="34">
        <v>9181389</v>
      </c>
      <c r="K10" s="34">
        <v>9180457</v>
      </c>
      <c r="L10" s="34">
        <v>9179666</v>
      </c>
      <c r="M10" s="34">
        <v>9179835</v>
      </c>
      <c r="N10" s="34">
        <v>9183257</v>
      </c>
      <c r="O10" s="97">
        <v>9182071</v>
      </c>
      <c r="P10" s="105"/>
      <c r="Q10" s="54">
        <v>30</v>
      </c>
      <c r="R10" s="106"/>
    </row>
    <row r="11" spans="1:20" s="31" customFormat="1" ht="13.5" customHeight="1">
      <c r="A11" s="45"/>
      <c r="B11" s="54">
        <v>29</v>
      </c>
      <c r="C11" s="104"/>
      <c r="D11" s="34">
        <v>9147400</v>
      </c>
      <c r="E11" s="34">
        <v>9145076</v>
      </c>
      <c r="F11" s="34">
        <v>9141390</v>
      </c>
      <c r="G11" s="34">
        <v>9144183</v>
      </c>
      <c r="H11" s="34">
        <v>9159692</v>
      </c>
      <c r="I11" s="34">
        <v>9161634</v>
      </c>
      <c r="J11" s="34">
        <v>9161855</v>
      </c>
      <c r="K11" s="34">
        <v>9161297</v>
      </c>
      <c r="L11" s="34">
        <v>9161493</v>
      </c>
      <c r="M11" s="34">
        <v>9161139</v>
      </c>
      <c r="N11" s="34">
        <v>9164373</v>
      </c>
      <c r="O11" s="97">
        <v>9164074</v>
      </c>
      <c r="P11" s="105"/>
      <c r="Q11" s="54">
        <v>29</v>
      </c>
      <c r="R11" s="106"/>
    </row>
    <row r="12" spans="1:20" s="31" customFormat="1" ht="13.5" customHeight="1">
      <c r="A12" s="32"/>
      <c r="B12" s="54">
        <v>28</v>
      </c>
      <c r="C12" s="33"/>
      <c r="D12" s="34">
        <v>9128037</v>
      </c>
      <c r="E12" s="34">
        <v>9126280</v>
      </c>
      <c r="F12" s="34">
        <v>9123971</v>
      </c>
      <c r="G12" s="34">
        <v>9128208</v>
      </c>
      <c r="H12" s="34">
        <v>9142584</v>
      </c>
      <c r="I12" s="34">
        <v>9144992</v>
      </c>
      <c r="J12" s="34">
        <v>9145832</v>
      </c>
      <c r="K12" s="34">
        <v>9145026</v>
      </c>
      <c r="L12" s="34">
        <v>9145587</v>
      </c>
      <c r="M12" s="34">
        <v>9145572</v>
      </c>
      <c r="N12" s="34">
        <v>9148549</v>
      </c>
      <c r="O12" s="97">
        <v>9148109</v>
      </c>
      <c r="P12" s="98"/>
      <c r="Q12" s="54">
        <v>28</v>
      </c>
      <c r="R12" s="99"/>
    </row>
    <row r="13" spans="1:20" s="30" customFormat="1" ht="13.5" customHeight="1">
      <c r="A13" s="38"/>
      <c r="B13" s="57" t="s">
        <v>198</v>
      </c>
      <c r="C13" s="40"/>
      <c r="D13" s="41">
        <v>9100346</v>
      </c>
      <c r="E13" s="41">
        <v>9097624</v>
      </c>
      <c r="F13" s="41">
        <v>9094974</v>
      </c>
      <c r="G13" s="41">
        <v>9099935</v>
      </c>
      <c r="H13" s="41">
        <v>9116252</v>
      </c>
      <c r="I13" s="41">
        <v>9118334</v>
      </c>
      <c r="J13" s="41">
        <v>9118775</v>
      </c>
      <c r="K13" s="41">
        <v>9117529</v>
      </c>
      <c r="L13" s="41">
        <v>9118562</v>
      </c>
      <c r="M13" s="41">
        <v>9126214</v>
      </c>
      <c r="N13" s="41">
        <v>9128262</v>
      </c>
      <c r="O13" s="101">
        <v>9129173</v>
      </c>
      <c r="P13" s="102"/>
      <c r="Q13" s="57" t="s">
        <v>198</v>
      </c>
      <c r="R13" s="107"/>
      <c r="S13" s="31"/>
      <c r="T13" s="31"/>
    </row>
    <row r="14" spans="1:20" s="114" customFormat="1" ht="13.5" customHeight="1">
      <c r="A14" s="108"/>
      <c r="B14" s="24">
        <v>26</v>
      </c>
      <c r="C14" s="109"/>
      <c r="D14" s="26">
        <v>9083839</v>
      </c>
      <c r="E14" s="26">
        <v>9081284</v>
      </c>
      <c r="F14" s="26">
        <v>9078001</v>
      </c>
      <c r="G14" s="26">
        <v>9079236</v>
      </c>
      <c r="H14" s="26">
        <v>9094662</v>
      </c>
      <c r="I14" s="26">
        <v>9096445</v>
      </c>
      <c r="J14" s="26">
        <v>9097245</v>
      </c>
      <c r="K14" s="26">
        <v>9097401</v>
      </c>
      <c r="L14" s="26">
        <v>9097198</v>
      </c>
      <c r="M14" s="26">
        <v>9098984</v>
      </c>
      <c r="N14" s="26">
        <v>9101505</v>
      </c>
      <c r="O14" s="110">
        <v>9101625</v>
      </c>
      <c r="P14" s="111"/>
      <c r="Q14" s="24">
        <v>26</v>
      </c>
      <c r="R14" s="112"/>
      <c r="S14" s="113"/>
      <c r="T14" s="113"/>
    </row>
    <row r="15" spans="1:20" s="30" customFormat="1" ht="13.5" customHeight="1">
      <c r="A15" s="45"/>
      <c r="B15" s="54">
        <v>25</v>
      </c>
      <c r="C15" s="33"/>
      <c r="D15" s="34">
        <v>9072533</v>
      </c>
      <c r="E15" s="34">
        <v>9069042</v>
      </c>
      <c r="F15" s="34">
        <v>9064465</v>
      </c>
      <c r="G15" s="34">
        <v>9061378</v>
      </c>
      <c r="H15" s="34">
        <v>9079150</v>
      </c>
      <c r="I15" s="34">
        <v>9080892</v>
      </c>
      <c r="J15" s="34">
        <v>9079363</v>
      </c>
      <c r="K15" s="34">
        <v>9079998</v>
      </c>
      <c r="L15" s="34">
        <v>9081005</v>
      </c>
      <c r="M15" s="34">
        <v>9081742</v>
      </c>
      <c r="N15" s="34">
        <v>9084223</v>
      </c>
      <c r="O15" s="97">
        <v>9084473</v>
      </c>
      <c r="P15" s="105"/>
      <c r="Q15" s="54">
        <v>25</v>
      </c>
      <c r="R15" s="99"/>
      <c r="S15" s="31"/>
      <c r="T15" s="31"/>
    </row>
    <row r="16" spans="1:20" s="30" customFormat="1" ht="13.5" customHeight="1">
      <c r="A16" s="45"/>
      <c r="B16" s="54">
        <v>24</v>
      </c>
      <c r="C16" s="33"/>
      <c r="D16" s="34">
        <v>9060257</v>
      </c>
      <c r="E16" s="34">
        <v>9057742</v>
      </c>
      <c r="F16" s="34">
        <v>9053776</v>
      </c>
      <c r="G16" s="34">
        <v>9052730</v>
      </c>
      <c r="H16" s="34">
        <v>9069694</v>
      </c>
      <c r="I16" s="34">
        <v>9072471</v>
      </c>
      <c r="J16" s="34">
        <v>9071272</v>
      </c>
      <c r="K16" s="34">
        <v>9071855</v>
      </c>
      <c r="L16" s="34">
        <v>9073190</v>
      </c>
      <c r="M16" s="34">
        <v>9072133</v>
      </c>
      <c r="N16" s="34">
        <v>9075474</v>
      </c>
      <c r="O16" s="97">
        <v>9075075</v>
      </c>
      <c r="P16" s="105"/>
      <c r="Q16" s="54">
        <v>24</v>
      </c>
      <c r="R16" s="99"/>
      <c r="S16" s="31"/>
      <c r="T16" s="31"/>
    </row>
    <row r="17" spans="1:20" s="31" customFormat="1" ht="13.5" customHeight="1">
      <c r="A17" s="32"/>
      <c r="B17" s="54">
        <v>23</v>
      </c>
      <c r="C17" s="33"/>
      <c r="D17" s="34">
        <v>9051028</v>
      </c>
      <c r="E17" s="34">
        <v>9049201</v>
      </c>
      <c r="F17" s="34">
        <v>9046250</v>
      </c>
      <c r="G17" s="34">
        <v>9044930</v>
      </c>
      <c r="H17" s="34">
        <v>9057420</v>
      </c>
      <c r="I17" s="34">
        <v>9060539</v>
      </c>
      <c r="J17" s="34">
        <v>9059480</v>
      </c>
      <c r="K17" s="34">
        <v>9058420</v>
      </c>
      <c r="L17" s="34">
        <v>9060518</v>
      </c>
      <c r="M17" s="34">
        <v>9059616</v>
      </c>
      <c r="N17" s="34">
        <v>9061473</v>
      </c>
      <c r="O17" s="97">
        <v>9061898</v>
      </c>
      <c r="P17" s="98"/>
      <c r="Q17" s="54">
        <v>23</v>
      </c>
      <c r="R17" s="99"/>
    </row>
    <row r="18" spans="1:20" s="30" customFormat="1" ht="13.5" customHeight="1">
      <c r="A18" s="38"/>
      <c r="B18" s="57" t="s">
        <v>199</v>
      </c>
      <c r="C18" s="40"/>
      <c r="D18" s="41">
        <v>9008132</v>
      </c>
      <c r="E18" s="41">
        <v>9006229</v>
      </c>
      <c r="F18" s="41">
        <v>9004306</v>
      </c>
      <c r="G18" s="41">
        <v>9008743</v>
      </c>
      <c r="H18" s="41">
        <v>9025843</v>
      </c>
      <c r="I18" s="41">
        <v>9028118</v>
      </c>
      <c r="J18" s="41">
        <v>9028302</v>
      </c>
      <c r="K18" s="41">
        <v>9028285</v>
      </c>
      <c r="L18" s="41">
        <v>9029996</v>
      </c>
      <c r="M18" s="41">
        <v>9048331</v>
      </c>
      <c r="N18" s="41">
        <v>9050567</v>
      </c>
      <c r="O18" s="101">
        <v>9051390</v>
      </c>
      <c r="P18" s="102"/>
      <c r="Q18" s="57" t="s">
        <v>199</v>
      </c>
      <c r="R18" s="107"/>
      <c r="S18" s="31"/>
      <c r="T18" s="31"/>
    </row>
    <row r="19" spans="1:20" s="30" customFormat="1" ht="13.5" customHeight="1">
      <c r="A19" s="45"/>
      <c r="B19" s="54">
        <v>21</v>
      </c>
      <c r="C19" s="33"/>
      <c r="D19" s="34">
        <v>8965352</v>
      </c>
      <c r="E19" s="34">
        <v>8965954</v>
      </c>
      <c r="F19" s="34">
        <v>8964892</v>
      </c>
      <c r="G19" s="34">
        <v>8974075</v>
      </c>
      <c r="H19" s="34">
        <v>8994595</v>
      </c>
      <c r="I19" s="34">
        <v>8998805</v>
      </c>
      <c r="J19" s="34">
        <v>9001358</v>
      </c>
      <c r="K19" s="34">
        <v>9002078</v>
      </c>
      <c r="L19" s="34">
        <v>9003840</v>
      </c>
      <c r="M19" s="34">
        <v>9005176</v>
      </c>
      <c r="N19" s="34">
        <v>9007993</v>
      </c>
      <c r="O19" s="97">
        <v>9008905</v>
      </c>
      <c r="P19" s="105"/>
      <c r="Q19" s="54">
        <v>21</v>
      </c>
      <c r="R19" s="99"/>
      <c r="S19" s="31"/>
      <c r="T19" s="31"/>
    </row>
    <row r="20" spans="1:20" s="30" customFormat="1" ht="13.5" customHeight="1">
      <c r="A20" s="45"/>
      <c r="B20" s="54">
        <v>20</v>
      </c>
      <c r="C20" s="33"/>
      <c r="D20" s="34">
        <v>8910256</v>
      </c>
      <c r="E20" s="34">
        <v>8910553</v>
      </c>
      <c r="F20" s="34">
        <v>8909857</v>
      </c>
      <c r="G20" s="34">
        <v>8916854</v>
      </c>
      <c r="H20" s="34">
        <v>8939652</v>
      </c>
      <c r="I20" s="34">
        <v>8944118</v>
      </c>
      <c r="J20" s="34">
        <v>8946742</v>
      </c>
      <c r="K20" s="34">
        <v>8950032</v>
      </c>
      <c r="L20" s="34">
        <v>8953788</v>
      </c>
      <c r="M20" s="34">
        <v>8956804</v>
      </c>
      <c r="N20" s="34">
        <v>8961239</v>
      </c>
      <c r="O20" s="97">
        <v>8963944</v>
      </c>
      <c r="P20" s="105"/>
      <c r="Q20" s="54">
        <v>20</v>
      </c>
      <c r="R20" s="99"/>
      <c r="S20" s="31"/>
      <c r="T20" s="31"/>
    </row>
    <row r="21" spans="1:20" s="30" customFormat="1" ht="13.5" customHeight="1">
      <c r="A21" s="45"/>
      <c r="B21" s="54">
        <v>19</v>
      </c>
      <c r="C21" s="33"/>
      <c r="D21" s="34">
        <v>8848166</v>
      </c>
      <c r="E21" s="34">
        <v>8849821</v>
      </c>
      <c r="F21" s="34">
        <v>8850901</v>
      </c>
      <c r="G21" s="34">
        <v>8854830</v>
      </c>
      <c r="H21" s="34">
        <v>8879968</v>
      </c>
      <c r="I21" s="34">
        <v>8887150</v>
      </c>
      <c r="J21" s="34">
        <v>8889933</v>
      </c>
      <c r="K21" s="34">
        <v>8893264</v>
      </c>
      <c r="L21" s="34">
        <v>8898195</v>
      </c>
      <c r="M21" s="34">
        <v>8899545</v>
      </c>
      <c r="N21" s="34">
        <v>8905930</v>
      </c>
      <c r="O21" s="97">
        <v>8908440</v>
      </c>
      <c r="P21" s="105"/>
      <c r="Q21" s="54">
        <v>19</v>
      </c>
      <c r="R21" s="99"/>
      <c r="S21" s="31"/>
      <c r="T21" s="31"/>
    </row>
    <row r="22" spans="1:20" s="30" customFormat="1" ht="13.5" customHeight="1">
      <c r="A22" s="32"/>
      <c r="B22" s="54">
        <v>18</v>
      </c>
      <c r="C22" s="33"/>
      <c r="D22" s="34">
        <v>8801632</v>
      </c>
      <c r="E22" s="34">
        <v>8801612</v>
      </c>
      <c r="F22" s="34">
        <v>8801102</v>
      </c>
      <c r="G22" s="34">
        <v>8800903</v>
      </c>
      <c r="H22" s="34">
        <v>8823924</v>
      </c>
      <c r="I22" s="34">
        <v>8830438</v>
      </c>
      <c r="J22" s="34">
        <v>8831157</v>
      </c>
      <c r="K22" s="34">
        <v>8834021</v>
      </c>
      <c r="L22" s="34">
        <v>8836558</v>
      </c>
      <c r="M22" s="34">
        <v>8837640</v>
      </c>
      <c r="N22" s="34">
        <v>8843347</v>
      </c>
      <c r="O22" s="97">
        <v>8846454</v>
      </c>
      <c r="P22" s="98"/>
      <c r="Q22" s="54">
        <v>18</v>
      </c>
      <c r="R22" s="99"/>
      <c r="S22" s="31"/>
      <c r="T22" s="31"/>
    </row>
    <row r="23" spans="1:20" s="30" customFormat="1" ht="13.5" customHeight="1">
      <c r="A23" s="38"/>
      <c r="B23" s="57" t="s">
        <v>200</v>
      </c>
      <c r="C23" s="40"/>
      <c r="D23" s="41">
        <v>8748731</v>
      </c>
      <c r="E23" s="41">
        <v>8749335</v>
      </c>
      <c r="F23" s="41">
        <v>8748193</v>
      </c>
      <c r="G23" s="41">
        <v>8749038</v>
      </c>
      <c r="H23" s="41">
        <v>8771143</v>
      </c>
      <c r="I23" s="41">
        <v>8776724</v>
      </c>
      <c r="J23" s="41">
        <v>8779313</v>
      </c>
      <c r="K23" s="41">
        <v>8780836</v>
      </c>
      <c r="L23" s="41">
        <v>8785638</v>
      </c>
      <c r="M23" s="41">
        <v>8791597</v>
      </c>
      <c r="N23" s="41">
        <v>8797714</v>
      </c>
      <c r="O23" s="101">
        <v>8800167</v>
      </c>
      <c r="P23" s="102"/>
      <c r="Q23" s="57" t="s">
        <v>200</v>
      </c>
      <c r="R23" s="107"/>
      <c r="S23" s="31"/>
      <c r="T23" s="31"/>
    </row>
    <row r="24" spans="1:20" s="30" customFormat="1" ht="13.5" customHeight="1">
      <c r="A24" s="45"/>
      <c r="B24" s="54">
        <v>16</v>
      </c>
      <c r="C24" s="33"/>
      <c r="D24" s="34">
        <v>8697720</v>
      </c>
      <c r="E24" s="34">
        <v>8699273</v>
      </c>
      <c r="F24" s="34">
        <v>8699920</v>
      </c>
      <c r="G24" s="34">
        <v>8702885</v>
      </c>
      <c r="H24" s="34">
        <v>8726087</v>
      </c>
      <c r="I24" s="34">
        <v>8732827</v>
      </c>
      <c r="J24" s="34">
        <v>8736632</v>
      </c>
      <c r="K24" s="34">
        <v>8734819</v>
      </c>
      <c r="L24" s="34">
        <v>8738441</v>
      </c>
      <c r="M24" s="34">
        <v>8740136</v>
      </c>
      <c r="N24" s="34">
        <v>8744097</v>
      </c>
      <c r="O24" s="97">
        <v>8747356</v>
      </c>
      <c r="P24" s="105"/>
      <c r="Q24" s="54">
        <v>16</v>
      </c>
      <c r="R24" s="99"/>
      <c r="S24" s="31"/>
      <c r="T24" s="31"/>
    </row>
    <row r="25" spans="1:20" s="30" customFormat="1" ht="13.5" customHeight="1">
      <c r="A25" s="45"/>
      <c r="B25" s="54">
        <v>15</v>
      </c>
      <c r="C25" s="33"/>
      <c r="D25" s="34">
        <v>8639665</v>
      </c>
      <c r="E25" s="34">
        <v>8641280</v>
      </c>
      <c r="F25" s="34">
        <v>8640748</v>
      </c>
      <c r="G25" s="34">
        <v>8641565</v>
      </c>
      <c r="H25" s="34">
        <v>8668586</v>
      </c>
      <c r="I25" s="34">
        <v>8674693</v>
      </c>
      <c r="J25" s="34">
        <v>8677993</v>
      </c>
      <c r="K25" s="34">
        <v>8680615</v>
      </c>
      <c r="L25" s="34">
        <v>8684654</v>
      </c>
      <c r="M25" s="34">
        <v>8687422</v>
      </c>
      <c r="N25" s="34">
        <v>8692732</v>
      </c>
      <c r="O25" s="97">
        <v>8695931</v>
      </c>
      <c r="P25" s="105"/>
      <c r="Q25" s="54">
        <v>15</v>
      </c>
      <c r="R25" s="99"/>
      <c r="S25" s="31"/>
      <c r="T25" s="31"/>
    </row>
    <row r="26" spans="1:20" s="30" customFormat="1" ht="13.5" customHeight="1">
      <c r="A26" s="45"/>
      <c r="B26" s="54">
        <v>14</v>
      </c>
      <c r="C26" s="33"/>
      <c r="D26" s="34">
        <v>8575372</v>
      </c>
      <c r="E26" s="34">
        <v>8577784</v>
      </c>
      <c r="F26" s="34">
        <v>8578873</v>
      </c>
      <c r="G26" s="34">
        <v>8572726</v>
      </c>
      <c r="H26" s="34">
        <v>8606865</v>
      </c>
      <c r="I26" s="34">
        <v>8614190</v>
      </c>
      <c r="J26" s="34">
        <v>8616886</v>
      </c>
      <c r="K26" s="34">
        <v>8621337</v>
      </c>
      <c r="L26" s="34">
        <v>8625880</v>
      </c>
      <c r="M26" s="34">
        <v>8628787</v>
      </c>
      <c r="N26" s="34">
        <v>8634524</v>
      </c>
      <c r="O26" s="97">
        <v>8638175</v>
      </c>
      <c r="P26" s="105"/>
      <c r="Q26" s="54">
        <v>14</v>
      </c>
      <c r="R26" s="99"/>
      <c r="S26" s="31"/>
      <c r="T26" s="31"/>
    </row>
    <row r="27" spans="1:20" s="31" customFormat="1" ht="13.5" customHeight="1">
      <c r="A27" s="32"/>
      <c r="B27" s="54">
        <v>13</v>
      </c>
      <c r="C27" s="33"/>
      <c r="D27" s="34">
        <v>8503498</v>
      </c>
      <c r="E27" s="34">
        <v>8506983</v>
      </c>
      <c r="F27" s="34">
        <v>8507802</v>
      </c>
      <c r="G27" s="34">
        <v>8503950</v>
      </c>
      <c r="H27" s="34">
        <v>8534524</v>
      </c>
      <c r="I27" s="34">
        <v>8543348</v>
      </c>
      <c r="J27" s="34">
        <v>8547753</v>
      </c>
      <c r="K27" s="34">
        <v>8551899</v>
      </c>
      <c r="L27" s="34">
        <v>8558071</v>
      </c>
      <c r="M27" s="34">
        <v>8561001</v>
      </c>
      <c r="N27" s="34">
        <v>8569740</v>
      </c>
      <c r="O27" s="97">
        <v>8573449</v>
      </c>
      <c r="P27" s="98"/>
      <c r="Q27" s="54">
        <v>13</v>
      </c>
      <c r="R27" s="99"/>
    </row>
    <row r="28" spans="1:20" s="30" customFormat="1" ht="13.5" customHeight="1">
      <c r="A28" s="38"/>
      <c r="B28" s="57" t="s">
        <v>201</v>
      </c>
      <c r="C28" s="40"/>
      <c r="D28" s="41">
        <v>8446174</v>
      </c>
      <c r="E28" s="41">
        <v>8447789</v>
      </c>
      <c r="F28" s="41">
        <v>8447118</v>
      </c>
      <c r="G28" s="41">
        <v>8441464</v>
      </c>
      <c r="H28" s="41">
        <v>8469082</v>
      </c>
      <c r="I28" s="41">
        <v>8476353</v>
      </c>
      <c r="J28" s="41">
        <v>8479368</v>
      </c>
      <c r="K28" s="41">
        <v>8481898</v>
      </c>
      <c r="L28" s="41">
        <v>8488207</v>
      </c>
      <c r="M28" s="41">
        <v>8489974</v>
      </c>
      <c r="N28" s="41">
        <v>8496792</v>
      </c>
      <c r="O28" s="101">
        <v>8501436</v>
      </c>
      <c r="P28" s="102"/>
      <c r="Q28" s="57" t="s">
        <v>201</v>
      </c>
      <c r="R28" s="107"/>
      <c r="S28" s="31"/>
      <c r="T28" s="31"/>
    </row>
    <row r="29" spans="1:20" s="30" customFormat="1" ht="13.5" customHeight="1">
      <c r="A29" s="45"/>
      <c r="B29" s="54">
        <v>11</v>
      </c>
      <c r="C29" s="33"/>
      <c r="D29" s="34">
        <v>8398336</v>
      </c>
      <c r="E29" s="34">
        <v>8398271</v>
      </c>
      <c r="F29" s="34">
        <v>8397311</v>
      </c>
      <c r="G29" s="34">
        <v>8392402</v>
      </c>
      <c r="H29" s="34">
        <v>8419574</v>
      </c>
      <c r="I29" s="34">
        <v>8425391</v>
      </c>
      <c r="J29" s="34">
        <v>8427436</v>
      </c>
      <c r="K29" s="34">
        <v>8429422</v>
      </c>
      <c r="L29" s="34">
        <v>8434333</v>
      </c>
      <c r="M29" s="34">
        <v>8436490</v>
      </c>
      <c r="N29" s="34">
        <v>8439894</v>
      </c>
      <c r="O29" s="97">
        <v>8443701</v>
      </c>
      <c r="P29" s="105"/>
      <c r="Q29" s="54">
        <v>11</v>
      </c>
      <c r="R29" s="99"/>
      <c r="S29" s="31"/>
      <c r="T29" s="31"/>
    </row>
    <row r="30" spans="1:20" s="30" customFormat="1" ht="13.5" customHeight="1">
      <c r="A30" s="45"/>
      <c r="B30" s="54">
        <v>10</v>
      </c>
      <c r="C30" s="33"/>
      <c r="D30" s="34">
        <v>8340837</v>
      </c>
      <c r="E30" s="34">
        <v>8342266</v>
      </c>
      <c r="F30" s="34">
        <v>8341756</v>
      </c>
      <c r="G30" s="34">
        <v>8335821</v>
      </c>
      <c r="H30" s="34">
        <v>8367264</v>
      </c>
      <c r="I30" s="34">
        <v>8373950</v>
      </c>
      <c r="J30" s="34">
        <v>8378473</v>
      </c>
      <c r="K30" s="34">
        <v>8380178</v>
      </c>
      <c r="L30" s="34">
        <v>8386812</v>
      </c>
      <c r="M30" s="34">
        <v>8389140</v>
      </c>
      <c r="N30" s="34">
        <v>8394458</v>
      </c>
      <c r="O30" s="97">
        <v>8396440</v>
      </c>
      <c r="P30" s="105"/>
      <c r="Q30" s="54">
        <v>10</v>
      </c>
      <c r="R30" s="99"/>
      <c r="S30" s="31"/>
      <c r="T30" s="31"/>
    </row>
    <row r="31" spans="1:20" s="30" customFormat="1" ht="13.5" customHeight="1">
      <c r="A31" s="45"/>
      <c r="B31" s="54">
        <v>9</v>
      </c>
      <c r="C31" s="33"/>
      <c r="D31" s="34">
        <v>8295504</v>
      </c>
      <c r="E31" s="34">
        <v>8295375</v>
      </c>
      <c r="F31" s="34">
        <v>8294035</v>
      </c>
      <c r="G31" s="34">
        <v>8282288</v>
      </c>
      <c r="H31" s="34">
        <v>8313213</v>
      </c>
      <c r="I31" s="34">
        <v>8318976</v>
      </c>
      <c r="J31" s="34">
        <v>8320339</v>
      </c>
      <c r="K31" s="34">
        <v>8321227</v>
      </c>
      <c r="L31" s="34">
        <v>8326923</v>
      </c>
      <c r="M31" s="34">
        <v>8329289</v>
      </c>
      <c r="N31" s="34">
        <v>8333672</v>
      </c>
      <c r="O31" s="97">
        <v>8338301</v>
      </c>
      <c r="P31" s="105"/>
      <c r="Q31" s="54">
        <v>9</v>
      </c>
      <c r="R31" s="99"/>
      <c r="S31" s="31"/>
      <c r="T31" s="31"/>
    </row>
    <row r="32" spans="1:20" s="31" customFormat="1" ht="13.5" customHeight="1">
      <c r="A32" s="32"/>
      <c r="B32" s="54">
        <v>8</v>
      </c>
      <c r="C32" s="33"/>
      <c r="D32" s="34">
        <v>8252665</v>
      </c>
      <c r="E32" s="34">
        <v>8253570</v>
      </c>
      <c r="F32" s="34">
        <v>8252100</v>
      </c>
      <c r="G32" s="34">
        <v>8232106</v>
      </c>
      <c r="H32" s="34">
        <v>8265950</v>
      </c>
      <c r="I32" s="34">
        <v>8272760</v>
      </c>
      <c r="J32" s="34">
        <v>8275647</v>
      </c>
      <c r="K32" s="34">
        <v>8277078</v>
      </c>
      <c r="L32" s="34">
        <v>8282160</v>
      </c>
      <c r="M32" s="34">
        <v>8285030</v>
      </c>
      <c r="N32" s="34">
        <v>8289200</v>
      </c>
      <c r="O32" s="97">
        <v>8293339</v>
      </c>
      <c r="P32" s="98"/>
      <c r="Q32" s="54">
        <v>8</v>
      </c>
      <c r="R32" s="99"/>
    </row>
    <row r="33" spans="1:20" s="30" customFormat="1" ht="13.5" customHeight="1">
      <c r="A33" s="38"/>
      <c r="B33" s="57" t="s">
        <v>202</v>
      </c>
      <c r="C33" s="40"/>
      <c r="D33" s="41">
        <v>8238840</v>
      </c>
      <c r="E33" s="41">
        <v>8240571</v>
      </c>
      <c r="F33" s="41">
        <v>8238632</v>
      </c>
      <c r="G33" s="41">
        <v>8221618</v>
      </c>
      <c r="H33" s="41">
        <v>8251296</v>
      </c>
      <c r="I33" s="41">
        <v>8258718</v>
      </c>
      <c r="J33" s="41">
        <v>8260247</v>
      </c>
      <c r="K33" s="41">
        <v>8259141</v>
      </c>
      <c r="L33" s="41">
        <v>8264521</v>
      </c>
      <c r="M33" s="41">
        <v>8245900</v>
      </c>
      <c r="N33" s="41">
        <v>8249538</v>
      </c>
      <c r="O33" s="101">
        <v>8253021</v>
      </c>
      <c r="P33" s="102"/>
      <c r="Q33" s="57" t="s">
        <v>202</v>
      </c>
      <c r="R33" s="107"/>
      <c r="S33" s="31"/>
      <c r="T33" s="31"/>
    </row>
    <row r="34" spans="1:20" s="30" customFormat="1" ht="13.5" customHeight="1">
      <c r="A34" s="45"/>
      <c r="B34" s="54">
        <v>6</v>
      </c>
      <c r="C34" s="33"/>
      <c r="D34" s="34">
        <v>8196872</v>
      </c>
      <c r="E34" s="34">
        <v>8197526</v>
      </c>
      <c r="F34" s="34">
        <v>8193262</v>
      </c>
      <c r="G34" s="34">
        <v>8178713</v>
      </c>
      <c r="H34" s="34">
        <v>8209489</v>
      </c>
      <c r="I34" s="34">
        <v>8217650</v>
      </c>
      <c r="J34" s="34">
        <v>8220367</v>
      </c>
      <c r="K34" s="34">
        <v>8219525</v>
      </c>
      <c r="L34" s="34">
        <v>8225905</v>
      </c>
      <c r="M34" s="34">
        <v>8228033</v>
      </c>
      <c r="N34" s="34">
        <v>8232735</v>
      </c>
      <c r="O34" s="97">
        <v>8237053</v>
      </c>
      <c r="P34" s="105"/>
      <c r="Q34" s="54">
        <v>6</v>
      </c>
      <c r="R34" s="99"/>
      <c r="S34" s="31"/>
      <c r="T34" s="31"/>
    </row>
    <row r="35" spans="1:20" s="30" customFormat="1" ht="13.5" customHeight="1">
      <c r="A35" s="45"/>
      <c r="B35" s="54">
        <v>5</v>
      </c>
      <c r="C35" s="33"/>
      <c r="D35" s="34">
        <v>8148512</v>
      </c>
      <c r="E35" s="34">
        <v>8149547</v>
      </c>
      <c r="F35" s="34">
        <v>8149282</v>
      </c>
      <c r="G35" s="34">
        <v>8133824</v>
      </c>
      <c r="H35" s="34">
        <v>8171572</v>
      </c>
      <c r="I35" s="34">
        <v>8177717</v>
      </c>
      <c r="J35" s="34">
        <v>8181366</v>
      </c>
      <c r="K35" s="34">
        <v>8181225</v>
      </c>
      <c r="L35" s="34">
        <v>8186190</v>
      </c>
      <c r="M35" s="34">
        <v>8187799</v>
      </c>
      <c r="N35" s="34">
        <v>8191243</v>
      </c>
      <c r="O35" s="97">
        <v>8194483</v>
      </c>
      <c r="P35" s="105"/>
      <c r="Q35" s="54">
        <v>5</v>
      </c>
      <c r="R35" s="99"/>
      <c r="S35" s="31"/>
      <c r="T35" s="31"/>
    </row>
    <row r="36" spans="1:20" s="30" customFormat="1" ht="13.5" customHeight="1">
      <c r="A36" s="45"/>
      <c r="B36" s="54">
        <v>4</v>
      </c>
      <c r="C36" s="33"/>
      <c r="D36" s="34">
        <v>8084849</v>
      </c>
      <c r="E36" s="34">
        <v>8086971</v>
      </c>
      <c r="F36" s="34">
        <v>8087093</v>
      </c>
      <c r="G36" s="34">
        <v>8074302</v>
      </c>
      <c r="H36" s="34">
        <v>8118623</v>
      </c>
      <c r="I36" s="34">
        <v>8127547</v>
      </c>
      <c r="J36" s="34">
        <v>8131744</v>
      </c>
      <c r="K36" s="34">
        <v>8130948</v>
      </c>
      <c r="L36" s="34">
        <v>8135110</v>
      </c>
      <c r="M36" s="34">
        <v>8137615</v>
      </c>
      <c r="N36" s="34">
        <v>8142036</v>
      </c>
      <c r="O36" s="97">
        <v>8146441</v>
      </c>
      <c r="P36" s="105"/>
      <c r="Q36" s="54">
        <v>4</v>
      </c>
      <c r="R36" s="99"/>
      <c r="S36" s="31"/>
      <c r="T36" s="31"/>
    </row>
    <row r="37" spans="1:20" s="31" customFormat="1" ht="13.5" customHeight="1">
      <c r="A37" s="32"/>
      <c r="B37" s="54">
        <v>3</v>
      </c>
      <c r="C37" s="33"/>
      <c r="D37" s="34">
        <v>7998747</v>
      </c>
      <c r="E37" s="34">
        <v>8003155</v>
      </c>
      <c r="F37" s="34">
        <v>8004094</v>
      </c>
      <c r="G37" s="34">
        <v>7988686</v>
      </c>
      <c r="H37" s="34">
        <v>8038495</v>
      </c>
      <c r="I37" s="34">
        <v>8050786</v>
      </c>
      <c r="J37" s="34">
        <v>8056579</v>
      </c>
      <c r="K37" s="34">
        <v>8059054</v>
      </c>
      <c r="L37" s="34">
        <v>8064518</v>
      </c>
      <c r="M37" s="34">
        <v>8069545</v>
      </c>
      <c r="N37" s="34">
        <v>8074862</v>
      </c>
      <c r="O37" s="97">
        <v>8080974</v>
      </c>
      <c r="P37" s="98"/>
      <c r="Q37" s="54">
        <v>3</v>
      </c>
      <c r="R37" s="99"/>
    </row>
    <row r="38" spans="1:20" s="30" customFormat="1" ht="13.5" customHeight="1">
      <c r="A38" s="38"/>
      <c r="B38" s="57" t="s">
        <v>203</v>
      </c>
      <c r="C38" s="40"/>
      <c r="D38" s="41">
        <v>7910382</v>
      </c>
      <c r="E38" s="41">
        <v>7914216</v>
      </c>
      <c r="F38" s="41">
        <v>7915896</v>
      </c>
      <c r="G38" s="41">
        <v>7902528</v>
      </c>
      <c r="H38" s="41">
        <v>7953079</v>
      </c>
      <c r="I38" s="41">
        <v>7967598</v>
      </c>
      <c r="J38" s="41">
        <v>7974372</v>
      </c>
      <c r="K38" s="41">
        <v>7976278</v>
      </c>
      <c r="L38" s="41">
        <v>7984004</v>
      </c>
      <c r="M38" s="41">
        <v>7980391</v>
      </c>
      <c r="N38" s="41">
        <v>7987942</v>
      </c>
      <c r="O38" s="101">
        <v>7993665</v>
      </c>
      <c r="P38" s="102"/>
      <c r="Q38" s="57" t="s">
        <v>203</v>
      </c>
      <c r="R38" s="107"/>
      <c r="S38" s="31"/>
      <c r="T38" s="31"/>
    </row>
    <row r="39" spans="1:20" s="30" customFormat="1" ht="13.5" customHeight="1">
      <c r="A39" s="45"/>
      <c r="B39" s="54" t="s">
        <v>204</v>
      </c>
      <c r="C39" s="33"/>
      <c r="D39" s="34">
        <v>7810104</v>
      </c>
      <c r="E39" s="34">
        <v>7813982</v>
      </c>
      <c r="F39" s="34">
        <v>7816731</v>
      </c>
      <c r="G39" s="34">
        <v>7807451</v>
      </c>
      <c r="H39" s="34">
        <v>7854850</v>
      </c>
      <c r="I39" s="34">
        <v>7867672</v>
      </c>
      <c r="J39" s="34">
        <v>7873959</v>
      </c>
      <c r="K39" s="34">
        <v>7875430</v>
      </c>
      <c r="L39" s="34">
        <v>7884008</v>
      </c>
      <c r="M39" s="34">
        <v>7889271</v>
      </c>
      <c r="N39" s="34">
        <v>7897204</v>
      </c>
      <c r="O39" s="97">
        <v>7905463</v>
      </c>
      <c r="P39" s="105"/>
      <c r="Q39" s="54" t="s">
        <v>204</v>
      </c>
      <c r="R39" s="99"/>
      <c r="S39" s="31"/>
      <c r="T39" s="31"/>
    </row>
    <row r="40" spans="1:20" s="31" customFormat="1" ht="13.5" customHeight="1">
      <c r="A40" s="45"/>
      <c r="B40" s="54" t="s">
        <v>205</v>
      </c>
      <c r="C40" s="33"/>
      <c r="D40" s="34">
        <v>7701087</v>
      </c>
      <c r="E40" s="34">
        <v>7706540</v>
      </c>
      <c r="F40" s="34">
        <v>7709914</v>
      </c>
      <c r="G40" s="34">
        <v>7701076</v>
      </c>
      <c r="H40" s="34">
        <v>7749498</v>
      </c>
      <c r="I40" s="34">
        <v>7762778</v>
      </c>
      <c r="J40" s="34">
        <v>7770335</v>
      </c>
      <c r="K40" s="34">
        <v>7772649</v>
      </c>
      <c r="L40" s="34">
        <v>7781946</v>
      </c>
      <c r="M40" s="34">
        <v>7788126</v>
      </c>
      <c r="N40" s="34">
        <v>7796552</v>
      </c>
      <c r="O40" s="97">
        <v>7804511</v>
      </c>
      <c r="P40" s="105"/>
      <c r="Q40" s="54" t="s">
        <v>205</v>
      </c>
      <c r="R40" s="99"/>
    </row>
    <row r="41" spans="1:20" s="31" customFormat="1" ht="13.5" customHeight="1">
      <c r="A41" s="45"/>
      <c r="B41" s="54">
        <v>62</v>
      </c>
      <c r="C41" s="33"/>
      <c r="D41" s="34">
        <v>7572197</v>
      </c>
      <c r="E41" s="34">
        <v>7578162</v>
      </c>
      <c r="F41" s="34">
        <v>7582129</v>
      </c>
      <c r="G41" s="34">
        <v>7581610</v>
      </c>
      <c r="H41" s="34">
        <v>7632829</v>
      </c>
      <c r="I41" s="34">
        <v>7646291</v>
      </c>
      <c r="J41" s="34">
        <v>7656915</v>
      </c>
      <c r="K41" s="34">
        <v>7660282</v>
      </c>
      <c r="L41" s="34">
        <v>7670731</v>
      </c>
      <c r="M41" s="34">
        <v>7679277</v>
      </c>
      <c r="N41" s="34">
        <v>7687690</v>
      </c>
      <c r="O41" s="97">
        <v>7695909</v>
      </c>
      <c r="P41" s="105"/>
      <c r="Q41" s="54">
        <v>62</v>
      </c>
      <c r="R41" s="99"/>
    </row>
    <row r="42" spans="1:20" s="31" customFormat="1" ht="13.5" customHeight="1">
      <c r="A42" s="32"/>
      <c r="B42" s="54">
        <v>61</v>
      </c>
      <c r="C42" s="33"/>
      <c r="D42" s="34">
        <v>7452253</v>
      </c>
      <c r="E42" s="34">
        <v>7457087</v>
      </c>
      <c r="F42" s="34">
        <v>7460014</v>
      </c>
      <c r="G42" s="34">
        <v>7457041</v>
      </c>
      <c r="H42" s="34">
        <v>7506939</v>
      </c>
      <c r="I42" s="34">
        <v>7517450</v>
      </c>
      <c r="J42" s="34">
        <v>7526013</v>
      </c>
      <c r="K42" s="34">
        <v>7529720</v>
      </c>
      <c r="L42" s="34">
        <v>7540229</v>
      </c>
      <c r="M42" s="34">
        <v>7549807</v>
      </c>
      <c r="N42" s="34">
        <v>7556838</v>
      </c>
      <c r="O42" s="97">
        <v>7565772</v>
      </c>
      <c r="P42" s="98"/>
      <c r="Q42" s="54">
        <v>61</v>
      </c>
      <c r="R42" s="99"/>
    </row>
    <row r="43" spans="1:20" s="31" customFormat="1" ht="13.5" customHeight="1">
      <c r="A43" s="38"/>
      <c r="B43" s="57" t="s">
        <v>206</v>
      </c>
      <c r="C43" s="40"/>
      <c r="D43" s="41">
        <v>7349993</v>
      </c>
      <c r="E43" s="41">
        <v>7353501</v>
      </c>
      <c r="F43" s="41">
        <v>7355680</v>
      </c>
      <c r="G43" s="41">
        <v>7345091</v>
      </c>
      <c r="H43" s="41">
        <v>7396760</v>
      </c>
      <c r="I43" s="41">
        <v>7407168</v>
      </c>
      <c r="J43" s="41">
        <v>7413348</v>
      </c>
      <c r="K43" s="41">
        <v>7416579</v>
      </c>
      <c r="L43" s="41">
        <v>7425625</v>
      </c>
      <c r="M43" s="41">
        <v>7431974</v>
      </c>
      <c r="N43" s="41">
        <v>7438472</v>
      </c>
      <c r="O43" s="101">
        <v>7445657</v>
      </c>
      <c r="P43" s="102"/>
      <c r="Q43" s="57" t="s">
        <v>206</v>
      </c>
      <c r="R43" s="107"/>
    </row>
    <row r="44" spans="1:20" s="31" customFormat="1" ht="13.5" customHeight="1">
      <c r="A44" s="45"/>
      <c r="B44" s="54">
        <v>59</v>
      </c>
      <c r="C44" s="33"/>
      <c r="D44" s="34">
        <v>7248578</v>
      </c>
      <c r="E44" s="34">
        <v>7253074</v>
      </c>
      <c r="F44" s="34">
        <v>7255286</v>
      </c>
      <c r="G44" s="34">
        <v>7247089</v>
      </c>
      <c r="H44" s="34">
        <v>7292205</v>
      </c>
      <c r="I44" s="34">
        <v>7303786</v>
      </c>
      <c r="J44" s="34">
        <v>7310055</v>
      </c>
      <c r="K44" s="34">
        <v>7312164</v>
      </c>
      <c r="L44" s="34">
        <v>7321708</v>
      </c>
      <c r="M44" s="34">
        <v>7327697</v>
      </c>
      <c r="N44" s="34">
        <v>7336014</v>
      </c>
      <c r="O44" s="97">
        <v>7342811</v>
      </c>
      <c r="P44" s="105"/>
      <c r="Q44" s="54">
        <v>59</v>
      </c>
      <c r="R44" s="99"/>
    </row>
    <row r="45" spans="1:20" s="31" customFormat="1" ht="13.5" customHeight="1">
      <c r="A45" s="45"/>
      <c r="B45" s="54">
        <v>58</v>
      </c>
      <c r="C45" s="33"/>
      <c r="D45" s="34">
        <v>7148043</v>
      </c>
      <c r="E45" s="34">
        <v>7152275</v>
      </c>
      <c r="F45" s="34">
        <v>7154047</v>
      </c>
      <c r="G45" s="34">
        <v>7148308</v>
      </c>
      <c r="H45" s="34">
        <v>7193794</v>
      </c>
      <c r="I45" s="34">
        <v>7204900</v>
      </c>
      <c r="J45" s="34">
        <v>7211622</v>
      </c>
      <c r="K45" s="34">
        <v>7212268</v>
      </c>
      <c r="L45" s="34">
        <v>7221030</v>
      </c>
      <c r="M45" s="34">
        <v>7226033</v>
      </c>
      <c r="N45" s="34">
        <v>7234456</v>
      </c>
      <c r="O45" s="97">
        <v>7242308</v>
      </c>
      <c r="P45" s="105"/>
      <c r="Q45" s="54">
        <v>58</v>
      </c>
      <c r="R45" s="99"/>
    </row>
    <row r="46" spans="1:20" s="31" customFormat="1" ht="13.5" customHeight="1">
      <c r="A46" s="45"/>
      <c r="B46" s="54">
        <v>57</v>
      </c>
      <c r="C46" s="33"/>
      <c r="D46" s="34">
        <v>7044560</v>
      </c>
      <c r="E46" s="34">
        <v>7049454</v>
      </c>
      <c r="F46" s="34">
        <v>7051786</v>
      </c>
      <c r="G46" s="34">
        <v>7043231</v>
      </c>
      <c r="H46" s="34">
        <v>7091476</v>
      </c>
      <c r="I46" s="34">
        <v>7103484</v>
      </c>
      <c r="J46" s="34">
        <v>7110584</v>
      </c>
      <c r="K46" s="34">
        <v>7111517</v>
      </c>
      <c r="L46" s="34">
        <v>7120937</v>
      </c>
      <c r="M46" s="34">
        <v>7127764</v>
      </c>
      <c r="N46" s="34">
        <v>7134491</v>
      </c>
      <c r="O46" s="97">
        <v>7142470</v>
      </c>
      <c r="P46" s="105"/>
      <c r="Q46" s="54">
        <v>57</v>
      </c>
      <c r="R46" s="99"/>
    </row>
    <row r="47" spans="1:20" s="31" customFormat="1" ht="13.5" customHeight="1">
      <c r="A47" s="32"/>
      <c r="B47" s="54">
        <v>56</v>
      </c>
      <c r="C47" s="33"/>
      <c r="D47" s="34">
        <v>6943574</v>
      </c>
      <c r="E47" s="34">
        <v>6948738</v>
      </c>
      <c r="F47" s="34">
        <v>6950845</v>
      </c>
      <c r="G47" s="34">
        <v>6943675</v>
      </c>
      <c r="H47" s="34">
        <v>6986825</v>
      </c>
      <c r="I47" s="34">
        <v>6996865</v>
      </c>
      <c r="J47" s="34">
        <v>7004818</v>
      </c>
      <c r="K47" s="34">
        <v>7005286</v>
      </c>
      <c r="L47" s="34">
        <v>7013823</v>
      </c>
      <c r="M47" s="34">
        <v>7021284</v>
      </c>
      <c r="N47" s="34">
        <v>7029194</v>
      </c>
      <c r="O47" s="97">
        <v>7038381</v>
      </c>
      <c r="P47" s="98"/>
      <c r="Q47" s="54">
        <v>56</v>
      </c>
      <c r="R47" s="99"/>
    </row>
    <row r="48" spans="1:20" s="31" customFormat="1" ht="13.5" customHeight="1">
      <c r="A48" s="38"/>
      <c r="B48" s="57" t="s">
        <v>207</v>
      </c>
      <c r="C48" s="40"/>
      <c r="D48" s="41">
        <v>6857040</v>
      </c>
      <c r="E48" s="41">
        <v>6860777</v>
      </c>
      <c r="F48" s="41">
        <v>6862617</v>
      </c>
      <c r="G48" s="41">
        <v>6849315</v>
      </c>
      <c r="H48" s="41">
        <v>6894044</v>
      </c>
      <c r="I48" s="41">
        <v>6904032</v>
      </c>
      <c r="J48" s="41">
        <v>6910532</v>
      </c>
      <c r="K48" s="41">
        <v>6911199</v>
      </c>
      <c r="L48" s="41">
        <v>6917751</v>
      </c>
      <c r="M48" s="41">
        <v>6924348</v>
      </c>
      <c r="N48" s="41">
        <v>6930202</v>
      </c>
      <c r="O48" s="101">
        <v>6937874</v>
      </c>
      <c r="P48" s="102"/>
      <c r="Q48" s="57" t="s">
        <v>207</v>
      </c>
      <c r="R48" s="107"/>
    </row>
    <row r="49" spans="1:18" s="31" customFormat="1" ht="13.5" customHeight="1">
      <c r="A49" s="45"/>
      <c r="B49" s="54">
        <v>54</v>
      </c>
      <c r="C49" s="33"/>
      <c r="D49" s="34">
        <v>6759223</v>
      </c>
      <c r="E49" s="34">
        <v>6763909</v>
      </c>
      <c r="F49" s="34">
        <v>6766919</v>
      </c>
      <c r="G49" s="34">
        <v>6754758</v>
      </c>
      <c r="H49" s="34">
        <v>6795518</v>
      </c>
      <c r="I49" s="34">
        <v>6809807</v>
      </c>
      <c r="J49" s="34">
        <v>6817906</v>
      </c>
      <c r="K49" s="34">
        <v>6821002</v>
      </c>
      <c r="L49" s="34">
        <v>6826289</v>
      </c>
      <c r="M49" s="34">
        <v>6832038</v>
      </c>
      <c r="N49" s="34">
        <v>6841288</v>
      </c>
      <c r="O49" s="97">
        <v>6849053</v>
      </c>
      <c r="P49" s="105"/>
      <c r="Q49" s="54">
        <v>54</v>
      </c>
      <c r="R49" s="99"/>
    </row>
    <row r="50" spans="1:18" s="31" customFormat="1" ht="13.5" customHeight="1">
      <c r="A50" s="45"/>
      <c r="B50" s="54">
        <v>53</v>
      </c>
      <c r="C50" s="33"/>
      <c r="D50" s="34">
        <v>6646694</v>
      </c>
      <c r="E50" s="34">
        <v>6651231</v>
      </c>
      <c r="F50" s="34">
        <v>6653791</v>
      </c>
      <c r="G50" s="34">
        <v>6646461</v>
      </c>
      <c r="H50" s="34">
        <v>6687921</v>
      </c>
      <c r="I50" s="34">
        <v>6702334</v>
      </c>
      <c r="J50" s="34">
        <v>6710291</v>
      </c>
      <c r="K50" s="34">
        <v>6713616</v>
      </c>
      <c r="L50" s="34">
        <v>6723585</v>
      </c>
      <c r="M50" s="34">
        <v>6730324</v>
      </c>
      <c r="N50" s="34">
        <v>6740298</v>
      </c>
      <c r="O50" s="97">
        <v>6749895</v>
      </c>
      <c r="P50" s="105"/>
      <c r="Q50" s="54">
        <v>53</v>
      </c>
      <c r="R50" s="99"/>
    </row>
    <row r="51" spans="1:18" s="31" customFormat="1" ht="13.5" customHeight="1">
      <c r="A51" s="45"/>
      <c r="B51" s="54">
        <v>52</v>
      </c>
      <c r="C51" s="33"/>
      <c r="D51" s="34">
        <v>6534674</v>
      </c>
      <c r="E51" s="34">
        <v>6539615</v>
      </c>
      <c r="F51" s="34">
        <v>6543012</v>
      </c>
      <c r="G51" s="34">
        <v>6537329</v>
      </c>
      <c r="H51" s="34">
        <v>6577688</v>
      </c>
      <c r="I51" s="34">
        <v>6592199</v>
      </c>
      <c r="J51" s="34">
        <v>6600080</v>
      </c>
      <c r="K51" s="34">
        <v>6600496</v>
      </c>
      <c r="L51" s="34">
        <v>6610481</v>
      </c>
      <c r="M51" s="34">
        <v>6616844</v>
      </c>
      <c r="N51" s="34">
        <v>6626671</v>
      </c>
      <c r="O51" s="97">
        <v>6637755</v>
      </c>
      <c r="P51" s="105"/>
      <c r="Q51" s="54">
        <v>52</v>
      </c>
      <c r="R51" s="99"/>
    </row>
    <row r="52" spans="1:18" s="31" customFormat="1" ht="13.5" customHeight="1">
      <c r="A52" s="32"/>
      <c r="B52" s="54">
        <v>51</v>
      </c>
      <c r="C52" s="33"/>
      <c r="D52" s="34">
        <v>6421325</v>
      </c>
      <c r="E52" s="34">
        <v>6426989</v>
      </c>
      <c r="F52" s="34">
        <v>6430847</v>
      </c>
      <c r="G52" s="34">
        <v>6427100</v>
      </c>
      <c r="H52" s="34">
        <v>6466269</v>
      </c>
      <c r="I52" s="34">
        <v>6480497</v>
      </c>
      <c r="J52" s="34">
        <v>6490356</v>
      </c>
      <c r="K52" s="34">
        <v>6491448</v>
      </c>
      <c r="L52" s="34">
        <v>6502236</v>
      </c>
      <c r="M52" s="34">
        <v>6508725</v>
      </c>
      <c r="N52" s="34">
        <v>6516042</v>
      </c>
      <c r="O52" s="97">
        <v>6526822</v>
      </c>
      <c r="P52" s="98"/>
      <c r="Q52" s="54">
        <v>51</v>
      </c>
      <c r="R52" s="99"/>
    </row>
    <row r="53" spans="1:18" s="31" customFormat="1" ht="13.5" customHeight="1">
      <c r="A53" s="38"/>
      <c r="B53" s="57" t="s">
        <v>208</v>
      </c>
      <c r="C53" s="40"/>
      <c r="D53" s="41">
        <v>6295998</v>
      </c>
      <c r="E53" s="41">
        <v>6303289</v>
      </c>
      <c r="F53" s="41">
        <v>6307709</v>
      </c>
      <c r="G53" s="41">
        <v>6301070</v>
      </c>
      <c r="H53" s="41">
        <v>6347258</v>
      </c>
      <c r="I53" s="41">
        <v>6364055</v>
      </c>
      <c r="J53" s="41">
        <v>6375537</v>
      </c>
      <c r="K53" s="41">
        <v>6381352</v>
      </c>
      <c r="L53" s="41">
        <v>6389051</v>
      </c>
      <c r="M53" s="41">
        <v>6397748</v>
      </c>
      <c r="N53" s="41">
        <v>6404969</v>
      </c>
      <c r="O53" s="101">
        <v>6413620</v>
      </c>
      <c r="P53" s="102"/>
      <c r="Q53" s="57" t="s">
        <v>208</v>
      </c>
      <c r="R53" s="107"/>
    </row>
    <row r="54" spans="1:18" s="31" customFormat="1" ht="13.5" customHeight="1">
      <c r="A54" s="45"/>
      <c r="B54" s="54">
        <v>49</v>
      </c>
      <c r="C54" s="33"/>
      <c r="D54" s="34">
        <v>6138096</v>
      </c>
      <c r="E54" s="34">
        <v>6146991</v>
      </c>
      <c r="F54" s="34">
        <v>6153341</v>
      </c>
      <c r="G54" s="34">
        <v>6149373</v>
      </c>
      <c r="H54" s="34">
        <v>6200941</v>
      </c>
      <c r="I54" s="34">
        <v>6220024</v>
      </c>
      <c r="J54" s="34">
        <v>6233817</v>
      </c>
      <c r="K54" s="34">
        <v>6240472</v>
      </c>
      <c r="L54" s="34">
        <v>6251004</v>
      </c>
      <c r="M54" s="34">
        <v>6260996</v>
      </c>
      <c r="N54" s="34">
        <v>6272756</v>
      </c>
      <c r="O54" s="97">
        <v>6284106</v>
      </c>
      <c r="P54" s="105"/>
      <c r="Q54" s="54">
        <v>49</v>
      </c>
      <c r="R54" s="99"/>
    </row>
    <row r="55" spans="1:18" s="31" customFormat="1" ht="13.5" customHeight="1">
      <c r="A55" s="45"/>
      <c r="B55" s="54">
        <v>48</v>
      </c>
      <c r="C55" s="33"/>
      <c r="D55" s="34">
        <v>5958190</v>
      </c>
      <c r="E55" s="34">
        <v>5968472</v>
      </c>
      <c r="F55" s="34">
        <v>5975871</v>
      </c>
      <c r="G55" s="34">
        <v>5978797</v>
      </c>
      <c r="H55" s="34">
        <v>6030418</v>
      </c>
      <c r="I55" s="34">
        <v>6052726</v>
      </c>
      <c r="J55" s="34">
        <v>6065589</v>
      </c>
      <c r="K55" s="34">
        <v>6073201</v>
      </c>
      <c r="L55" s="34">
        <v>6086977</v>
      </c>
      <c r="M55" s="34">
        <v>6097403</v>
      </c>
      <c r="N55" s="34">
        <v>6110991</v>
      </c>
      <c r="O55" s="97">
        <v>6127010</v>
      </c>
      <c r="P55" s="105"/>
      <c r="Q55" s="54">
        <v>48</v>
      </c>
      <c r="R55" s="99"/>
    </row>
    <row r="56" spans="1:18" s="31" customFormat="1" ht="13.5" customHeight="1">
      <c r="A56" s="45"/>
      <c r="B56" s="54">
        <v>47</v>
      </c>
      <c r="C56" s="33"/>
      <c r="D56" s="34">
        <v>5758256</v>
      </c>
      <c r="E56" s="34">
        <v>5769765</v>
      </c>
      <c r="F56" s="34">
        <v>5779574</v>
      </c>
      <c r="G56" s="34">
        <v>5790070</v>
      </c>
      <c r="H56" s="34">
        <v>5841764</v>
      </c>
      <c r="I56" s="34">
        <v>5866778</v>
      </c>
      <c r="J56" s="34">
        <v>5882354</v>
      </c>
      <c r="K56" s="34">
        <v>5890181</v>
      </c>
      <c r="L56" s="34">
        <v>5903987</v>
      </c>
      <c r="M56" s="34">
        <v>5914816</v>
      </c>
      <c r="N56" s="34">
        <v>5929202</v>
      </c>
      <c r="O56" s="97">
        <v>5944440</v>
      </c>
      <c r="P56" s="105"/>
      <c r="Q56" s="54">
        <v>47</v>
      </c>
      <c r="R56" s="99"/>
    </row>
    <row r="57" spans="1:18" s="31" customFormat="1" ht="13.5" customHeight="1">
      <c r="A57" s="32"/>
      <c r="B57" s="54">
        <v>46</v>
      </c>
      <c r="C57" s="33"/>
      <c r="D57" s="34">
        <v>5524380</v>
      </c>
      <c r="E57" s="34">
        <v>5537107</v>
      </c>
      <c r="F57" s="34">
        <v>5548711</v>
      </c>
      <c r="G57" s="34">
        <v>5564533</v>
      </c>
      <c r="H57" s="34">
        <v>5624503</v>
      </c>
      <c r="I57" s="34">
        <v>5652525</v>
      </c>
      <c r="J57" s="34">
        <v>5669805</v>
      </c>
      <c r="K57" s="34">
        <v>5680084</v>
      </c>
      <c r="L57" s="34">
        <v>5693642</v>
      </c>
      <c r="M57" s="34">
        <v>5707513</v>
      </c>
      <c r="N57" s="34">
        <v>5720586</v>
      </c>
      <c r="O57" s="97">
        <v>5742024</v>
      </c>
      <c r="P57" s="98"/>
      <c r="Q57" s="54">
        <v>46</v>
      </c>
      <c r="R57" s="99"/>
    </row>
    <row r="58" spans="1:18" s="31" customFormat="1" ht="13.5" customHeight="1">
      <c r="A58" s="38"/>
      <c r="B58" s="57" t="s">
        <v>209</v>
      </c>
      <c r="C58" s="40"/>
      <c r="D58" s="41">
        <v>5292904</v>
      </c>
      <c r="E58" s="41">
        <v>5303245</v>
      </c>
      <c r="F58" s="41">
        <v>5312983</v>
      </c>
      <c r="G58" s="41">
        <v>5327548</v>
      </c>
      <c r="H58" s="41">
        <v>5384824</v>
      </c>
      <c r="I58" s="41">
        <v>5414927</v>
      </c>
      <c r="J58" s="41">
        <v>5436748</v>
      </c>
      <c r="K58" s="41">
        <v>5444605</v>
      </c>
      <c r="L58" s="41">
        <v>5457248</v>
      </c>
      <c r="M58" s="41">
        <v>5472247</v>
      </c>
      <c r="N58" s="41">
        <v>5487041</v>
      </c>
      <c r="O58" s="101">
        <v>5506627</v>
      </c>
      <c r="P58" s="102"/>
      <c r="Q58" s="57" t="s">
        <v>209</v>
      </c>
      <c r="R58" s="107"/>
    </row>
    <row r="59" spans="1:18" ht="13.5" customHeight="1">
      <c r="A59" s="60"/>
      <c r="B59" s="61">
        <v>44</v>
      </c>
      <c r="C59" s="49"/>
      <c r="D59" s="62">
        <v>5073378</v>
      </c>
      <c r="E59" s="62">
        <v>5085370</v>
      </c>
      <c r="F59" s="62">
        <v>5093963</v>
      </c>
      <c r="G59" s="62">
        <v>5107882</v>
      </c>
      <c r="H59" s="62">
        <v>5165170</v>
      </c>
      <c r="I59" s="62">
        <v>5190525</v>
      </c>
      <c r="J59" s="62">
        <v>5208370</v>
      </c>
      <c r="K59" s="62">
        <v>5220363</v>
      </c>
      <c r="L59" s="62">
        <v>5233380</v>
      </c>
      <c r="M59" s="62">
        <v>5248414</v>
      </c>
      <c r="N59" s="62">
        <v>5260886</v>
      </c>
      <c r="O59" s="200">
        <v>5276912</v>
      </c>
      <c r="P59" s="201"/>
      <c r="Q59" s="61">
        <v>44</v>
      </c>
      <c r="R59" s="93"/>
    </row>
    <row r="60" spans="1:18" ht="13.5" customHeight="1">
      <c r="A60" s="60"/>
      <c r="B60" s="61">
        <v>43</v>
      </c>
      <c r="C60" s="49"/>
      <c r="D60" s="62">
        <v>4845739</v>
      </c>
      <c r="E60" s="62">
        <v>4857499</v>
      </c>
      <c r="F60" s="62">
        <v>4864442</v>
      </c>
      <c r="G60" s="62">
        <v>4883622</v>
      </c>
      <c r="H60" s="62">
        <v>4942289</v>
      </c>
      <c r="I60" s="62">
        <v>4967241</v>
      </c>
      <c r="J60" s="62">
        <v>4980804</v>
      </c>
      <c r="K60" s="62">
        <v>4996505</v>
      </c>
      <c r="L60" s="62">
        <v>5008877</v>
      </c>
      <c r="M60" s="62">
        <v>5028115</v>
      </c>
      <c r="N60" s="62">
        <v>5042814</v>
      </c>
      <c r="O60" s="200">
        <v>5058861</v>
      </c>
      <c r="P60" s="201"/>
      <c r="Q60" s="61">
        <v>43</v>
      </c>
      <c r="R60" s="93"/>
    </row>
    <row r="61" spans="1:18" s="31" customFormat="1" ht="13.5" customHeight="1">
      <c r="A61" s="45"/>
      <c r="B61" s="54">
        <v>42</v>
      </c>
      <c r="C61" s="33"/>
      <c r="D61" s="34">
        <v>4638525</v>
      </c>
      <c r="E61" s="34">
        <v>4650640</v>
      </c>
      <c r="F61" s="34">
        <v>4659590</v>
      </c>
      <c r="G61" s="34">
        <v>4685561</v>
      </c>
      <c r="H61" s="34">
        <v>4734238</v>
      </c>
      <c r="I61" s="34">
        <v>4756090</v>
      </c>
      <c r="J61" s="34">
        <v>4768567</v>
      </c>
      <c r="K61" s="34">
        <v>4778366</v>
      </c>
      <c r="L61" s="34">
        <v>4791962</v>
      </c>
      <c r="M61" s="34">
        <v>4802740</v>
      </c>
      <c r="N61" s="34">
        <v>4817895</v>
      </c>
      <c r="O61" s="97">
        <v>4832745</v>
      </c>
      <c r="P61" s="105"/>
      <c r="Q61" s="54">
        <v>42</v>
      </c>
      <c r="R61" s="99"/>
    </row>
    <row r="62" spans="1:18" s="31" customFormat="1" ht="13.5" customHeight="1">
      <c r="A62" s="32"/>
      <c r="B62" s="54">
        <v>41</v>
      </c>
      <c r="C62" s="33"/>
      <c r="D62" s="34">
        <v>4474335</v>
      </c>
      <c r="E62" s="34">
        <v>4483835</v>
      </c>
      <c r="F62" s="34">
        <v>4491447</v>
      </c>
      <c r="G62" s="34">
        <v>4509251</v>
      </c>
      <c r="H62" s="34">
        <v>4546819</v>
      </c>
      <c r="I62" s="34">
        <v>4563410</v>
      </c>
      <c r="J62" s="34">
        <v>4571978</v>
      </c>
      <c r="K62" s="34">
        <v>4579412</v>
      </c>
      <c r="L62" s="34">
        <v>4588743</v>
      </c>
      <c r="M62" s="34">
        <v>4598258</v>
      </c>
      <c r="N62" s="34">
        <v>4610217</v>
      </c>
      <c r="O62" s="97">
        <v>4624075</v>
      </c>
      <c r="P62" s="98"/>
      <c r="Q62" s="54">
        <v>41</v>
      </c>
      <c r="R62" s="99"/>
    </row>
    <row r="63" spans="1:18" s="31" customFormat="1" ht="13.5" customHeight="1">
      <c r="A63" s="38"/>
      <c r="B63" s="57" t="s">
        <v>229</v>
      </c>
      <c r="C63" s="40"/>
      <c r="D63" s="41">
        <v>4254849</v>
      </c>
      <c r="E63" s="41">
        <v>4268987</v>
      </c>
      <c r="F63" s="41">
        <v>4283238</v>
      </c>
      <c r="G63" s="41">
        <v>4305520</v>
      </c>
      <c r="H63" s="41">
        <v>4352684</v>
      </c>
      <c r="I63" s="41">
        <v>4375478</v>
      </c>
      <c r="J63" s="41">
        <v>4391833</v>
      </c>
      <c r="K63" s="41">
        <v>4402687</v>
      </c>
      <c r="L63" s="41">
        <v>4416215</v>
      </c>
      <c r="M63" s="41">
        <v>4430743</v>
      </c>
      <c r="N63" s="41">
        <v>4444254</v>
      </c>
      <c r="O63" s="101">
        <v>4460612</v>
      </c>
      <c r="P63" s="102"/>
      <c r="Q63" s="57" t="s">
        <v>229</v>
      </c>
      <c r="R63" s="107"/>
    </row>
    <row r="64" spans="1:18" s="31" customFormat="1" ht="13.5" customHeight="1">
      <c r="A64" s="45"/>
      <c r="B64" s="54">
        <v>39</v>
      </c>
      <c r="C64" s="33"/>
      <c r="D64" s="34">
        <v>4023952</v>
      </c>
      <c r="E64" s="34">
        <v>4036171</v>
      </c>
      <c r="F64" s="34">
        <v>4047688</v>
      </c>
      <c r="G64" s="34">
        <v>4063907</v>
      </c>
      <c r="H64" s="34">
        <v>4105683</v>
      </c>
      <c r="I64" s="34">
        <v>4129614</v>
      </c>
      <c r="J64" s="34">
        <v>4147313</v>
      </c>
      <c r="K64" s="34">
        <v>4161375</v>
      </c>
      <c r="L64" s="34">
        <v>4178109</v>
      </c>
      <c r="M64" s="34">
        <v>4193936</v>
      </c>
      <c r="N64" s="34">
        <v>4214448</v>
      </c>
      <c r="O64" s="97">
        <v>4234788</v>
      </c>
      <c r="P64" s="105"/>
      <c r="Q64" s="54">
        <v>39</v>
      </c>
      <c r="R64" s="99"/>
    </row>
    <row r="65" spans="1:18" s="31" customFormat="1" ht="13.5" customHeight="1">
      <c r="A65" s="45"/>
      <c r="B65" s="54">
        <v>38</v>
      </c>
      <c r="C65" s="33"/>
      <c r="D65" s="34">
        <v>3836417</v>
      </c>
      <c r="E65" s="34">
        <v>3848302</v>
      </c>
      <c r="F65" s="34">
        <v>3859094</v>
      </c>
      <c r="G65" s="34">
        <v>3872585</v>
      </c>
      <c r="H65" s="34">
        <v>3906184</v>
      </c>
      <c r="I65" s="34">
        <v>3928236</v>
      </c>
      <c r="J65" s="34">
        <v>3941444</v>
      </c>
      <c r="K65" s="34">
        <v>3953224</v>
      </c>
      <c r="L65" s="34">
        <v>3966523</v>
      </c>
      <c r="M65" s="34">
        <v>3978938</v>
      </c>
      <c r="N65" s="34">
        <v>3991819</v>
      </c>
      <c r="O65" s="97">
        <v>4008104</v>
      </c>
      <c r="P65" s="105"/>
      <c r="Q65" s="54">
        <v>38</v>
      </c>
      <c r="R65" s="99"/>
    </row>
    <row r="66" spans="1:18" s="31" customFormat="1" ht="13.5" customHeight="1">
      <c r="A66" s="45"/>
      <c r="B66" s="54">
        <v>37</v>
      </c>
      <c r="C66" s="33"/>
      <c r="D66" s="34">
        <v>3643446</v>
      </c>
      <c r="E66" s="34">
        <v>3655364</v>
      </c>
      <c r="F66" s="34">
        <v>3666587</v>
      </c>
      <c r="G66" s="34">
        <v>3682635</v>
      </c>
      <c r="H66" s="34">
        <v>3718265</v>
      </c>
      <c r="I66" s="34">
        <v>3740213</v>
      </c>
      <c r="J66" s="34">
        <v>3754031</v>
      </c>
      <c r="K66" s="34">
        <v>3765426</v>
      </c>
      <c r="L66" s="34">
        <v>3780565</v>
      </c>
      <c r="M66" s="34">
        <v>3793052</v>
      </c>
      <c r="N66" s="34">
        <v>3807752</v>
      </c>
      <c r="O66" s="97">
        <v>3822305</v>
      </c>
      <c r="P66" s="105"/>
      <c r="Q66" s="54">
        <v>37</v>
      </c>
      <c r="R66" s="99"/>
    </row>
    <row r="67" spans="1:18" s="31" customFormat="1" ht="13.5" customHeight="1">
      <c r="A67" s="45"/>
      <c r="B67" s="54">
        <v>36</v>
      </c>
      <c r="C67" s="33"/>
      <c r="D67" s="34">
        <v>3477556</v>
      </c>
      <c r="E67" s="34">
        <v>3486292</v>
      </c>
      <c r="F67" s="34">
        <v>3496003</v>
      </c>
      <c r="G67" s="34">
        <v>3507599</v>
      </c>
      <c r="H67" s="34">
        <v>3534473</v>
      </c>
      <c r="I67" s="34">
        <v>3553493</v>
      </c>
      <c r="J67" s="34">
        <v>3565963</v>
      </c>
      <c r="K67" s="34">
        <v>3577317</v>
      </c>
      <c r="L67" s="34">
        <v>3589486</v>
      </c>
      <c r="M67" s="34">
        <v>3601066</v>
      </c>
      <c r="N67" s="34">
        <v>3614513</v>
      </c>
      <c r="O67" s="97">
        <v>3628760</v>
      </c>
      <c r="P67" s="105"/>
      <c r="Q67" s="54">
        <v>36</v>
      </c>
      <c r="R67" s="99"/>
    </row>
    <row r="68" spans="1:18" s="31" customFormat="1" ht="13.5" customHeight="1">
      <c r="A68" s="38"/>
      <c r="B68" s="57" t="s">
        <v>230</v>
      </c>
      <c r="C68" s="40"/>
      <c r="D68" s="41">
        <v>3332163</v>
      </c>
      <c r="E68" s="41">
        <v>3340862</v>
      </c>
      <c r="F68" s="41">
        <v>3349304</v>
      </c>
      <c r="G68" s="41">
        <v>3360346</v>
      </c>
      <c r="H68" s="41">
        <v>3383375</v>
      </c>
      <c r="I68" s="41">
        <v>3398332</v>
      </c>
      <c r="J68" s="41">
        <v>3410784</v>
      </c>
      <c r="K68" s="41">
        <v>3419991</v>
      </c>
      <c r="L68" s="41">
        <v>3430860</v>
      </c>
      <c r="M68" s="41">
        <v>3443176</v>
      </c>
      <c r="N68" s="41">
        <v>3454651</v>
      </c>
      <c r="O68" s="101">
        <v>3466436</v>
      </c>
      <c r="P68" s="102"/>
      <c r="Q68" s="57" t="s">
        <v>230</v>
      </c>
      <c r="R68" s="107"/>
    </row>
    <row r="69" spans="1:18" s="31" customFormat="1" ht="13.5" customHeight="1">
      <c r="A69" s="45"/>
      <c r="B69" s="54">
        <v>34</v>
      </c>
      <c r="C69" s="33"/>
      <c r="D69" s="34">
        <v>3208381</v>
      </c>
      <c r="E69" s="34">
        <v>3216066</v>
      </c>
      <c r="F69" s="34">
        <v>3224445</v>
      </c>
      <c r="G69" s="34">
        <v>3232590</v>
      </c>
      <c r="H69" s="34">
        <v>3252513</v>
      </c>
      <c r="I69" s="34">
        <v>3266238</v>
      </c>
      <c r="J69" s="34">
        <v>3276557</v>
      </c>
      <c r="K69" s="34">
        <v>3286792</v>
      </c>
      <c r="L69" s="34">
        <v>3294432</v>
      </c>
      <c r="M69" s="34">
        <v>3303049</v>
      </c>
      <c r="N69" s="34">
        <v>3312695</v>
      </c>
      <c r="O69" s="97">
        <v>3321599</v>
      </c>
      <c r="P69" s="105"/>
      <c r="Q69" s="54">
        <v>34</v>
      </c>
      <c r="R69" s="99"/>
    </row>
    <row r="70" spans="1:18" ht="13.5" customHeight="1" thickBot="1">
      <c r="A70" s="133"/>
      <c r="B70" s="147" t="s">
        <v>14</v>
      </c>
      <c r="C70" s="83"/>
      <c r="D70" s="84">
        <v>3099197</v>
      </c>
      <c r="E70" s="84">
        <v>3106425</v>
      </c>
      <c r="F70" s="84">
        <v>3111630</v>
      </c>
      <c r="G70" s="84">
        <v>3119188</v>
      </c>
      <c r="H70" s="84">
        <v>3137934</v>
      </c>
      <c r="I70" s="84">
        <v>3149205</v>
      </c>
      <c r="J70" s="84">
        <v>3158177</v>
      </c>
      <c r="K70" s="84">
        <v>3167001</v>
      </c>
      <c r="L70" s="84">
        <v>3173404</v>
      </c>
      <c r="M70" s="84">
        <v>3180882</v>
      </c>
      <c r="N70" s="84">
        <v>3189288</v>
      </c>
      <c r="O70" s="203">
        <v>3197660</v>
      </c>
      <c r="P70" s="204"/>
      <c r="Q70" s="147" t="s">
        <v>14</v>
      </c>
      <c r="R70" s="148"/>
    </row>
  </sheetData>
  <mergeCells count="6">
    <mergeCell ref="D1:I1"/>
    <mergeCell ref="A2:C2"/>
    <mergeCell ref="J2:O2"/>
    <mergeCell ref="P2:R2"/>
    <mergeCell ref="A3:C3"/>
    <mergeCell ref="P3:R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3" firstPageNumber="16" orientation="portrait" useFirstPageNumber="1" r:id="rId1"/>
  <headerFooter>
    <oddFooter>&amp;C&amp;"HGPｺﾞｼｯｸM,ﾒﾃﾞｨｳﾑ"&amp;9- &amp;P -</oddFooter>
  </headerFooter>
  <colBreaks count="1" manualBreakCount="1">
    <brk id="9" max="69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0">
    <pageSetUpPr fitToPage="1"/>
  </sheetPr>
  <dimension ref="A1:T74"/>
  <sheetViews>
    <sheetView view="pageBreakPreview" zoomScaleNormal="115" zoomScaleSheetLayoutView="100" workbookViewId="0">
      <selection sqref="A1:M1"/>
    </sheetView>
  </sheetViews>
  <sheetFormatPr defaultRowHeight="14.25"/>
  <cols>
    <col min="1" max="1" width="1.25" style="1" customWidth="1"/>
    <col min="2" max="2" width="7.5" style="1" customWidth="1"/>
    <col min="3" max="3" width="1.25" style="1" customWidth="1"/>
    <col min="4" max="20" width="6.875" style="1" customWidth="1"/>
  </cols>
  <sheetData>
    <row r="1" spans="1:20" ht="18.75" customHeight="1">
      <c r="A1" s="206" t="s">
        <v>70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  <c r="L1" s="206"/>
      <c r="M1" s="206"/>
    </row>
    <row r="2" spans="1:20" ht="15" customHeight="1" thickBot="1">
      <c r="A2" s="207" t="s">
        <v>71</v>
      </c>
      <c r="B2" s="207"/>
      <c r="C2" s="207"/>
      <c r="K2" s="248" t="s">
        <v>212</v>
      </c>
      <c r="L2" s="248"/>
      <c r="M2" s="248"/>
    </row>
    <row r="3" spans="1:20" ht="15" customHeight="1">
      <c r="A3" s="208" t="s">
        <v>72</v>
      </c>
      <c r="B3" s="209"/>
      <c r="C3" s="209"/>
      <c r="D3" s="231" t="s">
        <v>73</v>
      </c>
      <c r="E3" s="214" t="s">
        <v>7</v>
      </c>
      <c r="F3" s="231"/>
      <c r="G3" s="231"/>
      <c r="H3" s="214" t="s">
        <v>8</v>
      </c>
      <c r="I3" s="231"/>
      <c r="J3" s="231"/>
      <c r="K3" s="214" t="s">
        <v>74</v>
      </c>
      <c r="L3" s="231"/>
      <c r="M3" s="249"/>
    </row>
    <row r="4" spans="1:20" ht="15" customHeight="1">
      <c r="A4" s="212"/>
      <c r="B4" s="213"/>
      <c r="C4" s="213"/>
      <c r="D4" s="227"/>
      <c r="E4" s="8"/>
      <c r="F4" s="7" t="s">
        <v>20</v>
      </c>
      <c r="G4" s="7" t="s">
        <v>21</v>
      </c>
      <c r="H4" s="8"/>
      <c r="I4" s="7" t="s">
        <v>22</v>
      </c>
      <c r="J4" s="7" t="s">
        <v>23</v>
      </c>
      <c r="K4" s="8"/>
      <c r="L4" s="7" t="s">
        <v>75</v>
      </c>
      <c r="M4" s="65" t="s">
        <v>8</v>
      </c>
    </row>
    <row r="5" spans="1:20" ht="10.5" customHeight="1">
      <c r="A5" s="9"/>
      <c r="B5" s="115"/>
      <c r="C5" s="49"/>
      <c r="D5" s="12" t="s">
        <v>10</v>
      </c>
      <c r="E5" s="12" t="s">
        <v>10</v>
      </c>
      <c r="F5" s="12" t="s">
        <v>10</v>
      </c>
      <c r="G5" s="12" t="s">
        <v>10</v>
      </c>
      <c r="H5" s="12" t="s">
        <v>10</v>
      </c>
      <c r="I5" s="12" t="s">
        <v>10</v>
      </c>
      <c r="J5" s="12" t="s">
        <v>10</v>
      </c>
      <c r="K5" s="12" t="s">
        <v>11</v>
      </c>
      <c r="L5" s="12" t="s">
        <v>11</v>
      </c>
      <c r="M5" s="76" t="s">
        <v>11</v>
      </c>
    </row>
    <row r="6" spans="1:20" ht="10.5" customHeight="1">
      <c r="A6" s="116"/>
      <c r="B6" s="117" t="s">
        <v>76</v>
      </c>
      <c r="C6" s="17"/>
      <c r="D6" s="18">
        <v>-2810</v>
      </c>
      <c r="E6" s="18">
        <v>-43852</v>
      </c>
      <c r="F6" s="18">
        <v>55876</v>
      </c>
      <c r="G6" s="18">
        <v>99728</v>
      </c>
      <c r="H6" s="18">
        <v>41042</v>
      </c>
      <c r="I6" s="18">
        <v>506632</v>
      </c>
      <c r="J6" s="18">
        <v>465590</v>
      </c>
      <c r="K6" s="118">
        <v>-3.0451128593598911E-2</v>
      </c>
      <c r="L6" s="118">
        <v>-0.4752109932692169</v>
      </c>
      <c r="M6" s="119">
        <v>0.44475986467561801</v>
      </c>
    </row>
    <row r="7" spans="1:20" s="31" customFormat="1" ht="10.5" customHeight="1">
      <c r="A7" s="120"/>
      <c r="B7" s="121" t="s">
        <v>77</v>
      </c>
      <c r="C7" s="33"/>
      <c r="D7" s="122">
        <v>-1225</v>
      </c>
      <c r="E7" s="122">
        <v>-41106</v>
      </c>
      <c r="F7" s="122">
        <v>54544</v>
      </c>
      <c r="G7" s="122">
        <v>95650</v>
      </c>
      <c r="H7" s="122">
        <v>39881</v>
      </c>
      <c r="I7" s="122">
        <v>492866</v>
      </c>
      <c r="J7" s="122">
        <v>452985</v>
      </c>
      <c r="K7" s="123">
        <v>-1.3699111156936346E-2</v>
      </c>
      <c r="L7" s="123">
        <v>-0.45968625568736776</v>
      </c>
      <c r="M7" s="124">
        <v>0.44598714453043142</v>
      </c>
      <c r="N7" s="30"/>
      <c r="O7" s="30"/>
      <c r="P7" s="30"/>
      <c r="Q7" s="30"/>
      <c r="R7" s="30"/>
      <c r="S7" s="30"/>
      <c r="T7" s="30"/>
    </row>
    <row r="8" spans="1:20" s="31" customFormat="1" ht="10.5" customHeight="1">
      <c r="A8" s="120"/>
      <c r="B8" s="121" t="s">
        <v>78</v>
      </c>
      <c r="C8" s="33"/>
      <c r="D8" s="122">
        <v>-1585</v>
      </c>
      <c r="E8" s="122">
        <v>-2746</v>
      </c>
      <c r="F8" s="122">
        <v>1332</v>
      </c>
      <c r="G8" s="122">
        <v>4078</v>
      </c>
      <c r="H8" s="122">
        <v>1161</v>
      </c>
      <c r="I8" s="122">
        <v>13766</v>
      </c>
      <c r="J8" s="122">
        <v>12605</v>
      </c>
      <c r="K8" s="123">
        <v>-0.55474861312846713</v>
      </c>
      <c r="L8" s="123">
        <v>-0.96109759725600674</v>
      </c>
      <c r="M8" s="124">
        <v>0.40634898412753967</v>
      </c>
      <c r="N8" s="30"/>
      <c r="O8" s="30"/>
      <c r="P8" s="30"/>
      <c r="Q8" s="30"/>
      <c r="R8" s="30"/>
      <c r="S8" s="30"/>
      <c r="T8" s="30"/>
    </row>
    <row r="9" spans="1:20" ht="10.5" customHeight="1">
      <c r="A9" s="125"/>
      <c r="B9" s="126" t="s">
        <v>79</v>
      </c>
      <c r="C9" s="40"/>
      <c r="D9" s="127">
        <v>-375</v>
      </c>
      <c r="E9" s="127">
        <v>-16492</v>
      </c>
      <c r="F9" s="127">
        <v>22954</v>
      </c>
      <c r="G9" s="127">
        <v>39446</v>
      </c>
      <c r="H9" s="127">
        <v>16117</v>
      </c>
      <c r="I9" s="127">
        <v>221544</v>
      </c>
      <c r="J9" s="127">
        <v>205427</v>
      </c>
      <c r="K9" s="128">
        <v>-9.9480182884368207E-3</v>
      </c>
      <c r="L9" s="128">
        <v>-0.43750058030106681</v>
      </c>
      <c r="M9" s="129">
        <v>0.42755256201262998</v>
      </c>
    </row>
    <row r="10" spans="1:20" ht="10.5" customHeight="1">
      <c r="A10" s="60"/>
      <c r="B10" s="115" t="s">
        <v>80</v>
      </c>
      <c r="C10" s="49"/>
      <c r="D10" s="130">
        <v>667</v>
      </c>
      <c r="E10" s="130">
        <v>-966</v>
      </c>
      <c r="F10" s="130">
        <v>1798</v>
      </c>
      <c r="G10" s="130">
        <v>2764</v>
      </c>
      <c r="H10" s="130">
        <v>1633</v>
      </c>
      <c r="I10" s="130">
        <v>19299</v>
      </c>
      <c r="J10" s="130">
        <v>17666</v>
      </c>
      <c r="K10" s="131">
        <v>0.22611625833528262</v>
      </c>
      <c r="L10" s="131">
        <v>-0.32747871896834035</v>
      </c>
      <c r="M10" s="132">
        <v>0.55359497730362295</v>
      </c>
    </row>
    <row r="11" spans="1:20" ht="10.5" customHeight="1">
      <c r="A11" s="60"/>
      <c r="B11" s="115" t="s">
        <v>81</v>
      </c>
      <c r="C11" s="49"/>
      <c r="D11" s="130">
        <v>794</v>
      </c>
      <c r="E11" s="130">
        <v>-738</v>
      </c>
      <c r="F11" s="130">
        <v>1573</v>
      </c>
      <c r="G11" s="130">
        <v>2311</v>
      </c>
      <c r="H11" s="130">
        <v>1532</v>
      </c>
      <c r="I11" s="130">
        <v>18515</v>
      </c>
      <c r="J11" s="130">
        <v>16983</v>
      </c>
      <c r="K11" s="131">
        <v>0.31903181478475401</v>
      </c>
      <c r="L11" s="131">
        <v>-0.29653083036668565</v>
      </c>
      <c r="M11" s="132">
        <v>0.61556264515143966</v>
      </c>
    </row>
    <row r="12" spans="1:20" ht="10.5" customHeight="1">
      <c r="A12" s="60"/>
      <c r="B12" s="115" t="s">
        <v>82</v>
      </c>
      <c r="C12" s="49"/>
      <c r="D12" s="130">
        <v>742</v>
      </c>
      <c r="E12" s="130">
        <v>-161</v>
      </c>
      <c r="F12" s="130">
        <v>773</v>
      </c>
      <c r="G12" s="130">
        <v>934</v>
      </c>
      <c r="H12" s="130">
        <v>903</v>
      </c>
      <c r="I12" s="130">
        <v>9969</v>
      </c>
      <c r="J12" s="130">
        <v>9066</v>
      </c>
      <c r="K12" s="131">
        <v>0.70242535547266982</v>
      </c>
      <c r="L12" s="131">
        <v>-0.15241304882897552</v>
      </c>
      <c r="M12" s="132">
        <v>0.85483840430164526</v>
      </c>
    </row>
    <row r="13" spans="1:20" ht="10.5" customHeight="1">
      <c r="A13" s="60"/>
      <c r="B13" s="115" t="s">
        <v>83</v>
      </c>
      <c r="C13" s="49"/>
      <c r="D13" s="130">
        <v>1102</v>
      </c>
      <c r="E13" s="130">
        <v>-1141</v>
      </c>
      <c r="F13" s="130">
        <v>746</v>
      </c>
      <c r="G13" s="130">
        <v>1887</v>
      </c>
      <c r="H13" s="130">
        <v>2243</v>
      </c>
      <c r="I13" s="130">
        <v>14620</v>
      </c>
      <c r="J13" s="130">
        <v>12377</v>
      </c>
      <c r="K13" s="131">
        <v>0.72965152849415016</v>
      </c>
      <c r="L13" s="131">
        <v>-0.75547404175301758</v>
      </c>
      <c r="M13" s="132">
        <v>1.485125570247168</v>
      </c>
    </row>
    <row r="14" spans="1:20" ht="10.5" customHeight="1">
      <c r="A14" s="60"/>
      <c r="B14" s="115" t="s">
        <v>84</v>
      </c>
      <c r="C14" s="49"/>
      <c r="D14" s="130">
        <v>1422</v>
      </c>
      <c r="E14" s="130">
        <v>-1536</v>
      </c>
      <c r="F14" s="130">
        <v>983</v>
      </c>
      <c r="G14" s="130">
        <v>2519</v>
      </c>
      <c r="H14" s="130">
        <v>2958</v>
      </c>
      <c r="I14" s="130">
        <v>15417</v>
      </c>
      <c r="J14" s="130">
        <v>12459</v>
      </c>
      <c r="K14" s="131">
        <v>0.72025528035253006</v>
      </c>
      <c r="L14" s="131">
        <v>-0.77799726485336573</v>
      </c>
      <c r="M14" s="132">
        <v>1.4982525452058959</v>
      </c>
    </row>
    <row r="15" spans="1:20" ht="10.5" customHeight="1">
      <c r="A15" s="60"/>
      <c r="B15" s="115" t="s">
        <v>85</v>
      </c>
      <c r="C15" s="49"/>
      <c r="D15" s="130">
        <v>-902</v>
      </c>
      <c r="E15" s="130">
        <v>-1199</v>
      </c>
      <c r="F15" s="130">
        <v>1311</v>
      </c>
      <c r="G15" s="130">
        <v>2510</v>
      </c>
      <c r="H15" s="130">
        <v>297</v>
      </c>
      <c r="I15" s="130">
        <v>9556</v>
      </c>
      <c r="J15" s="130">
        <v>9259</v>
      </c>
      <c r="K15" s="131">
        <v>-0.42088170517749818</v>
      </c>
      <c r="L15" s="131">
        <v>-0.55946470566277207</v>
      </c>
      <c r="M15" s="132">
        <v>0.13858300048527381</v>
      </c>
    </row>
    <row r="16" spans="1:20" ht="10.5" customHeight="1">
      <c r="A16" s="60"/>
      <c r="B16" s="115" t="s">
        <v>86</v>
      </c>
      <c r="C16" s="49"/>
      <c r="D16" s="130">
        <v>-95</v>
      </c>
      <c r="E16" s="130">
        <v>-1262</v>
      </c>
      <c r="F16" s="130">
        <v>1097</v>
      </c>
      <c r="G16" s="130">
        <v>2359</v>
      </c>
      <c r="H16" s="130">
        <v>1167</v>
      </c>
      <c r="I16" s="130">
        <v>12340</v>
      </c>
      <c r="J16" s="130">
        <v>11173</v>
      </c>
      <c r="K16" s="131">
        <v>-4.6149660921438705E-2</v>
      </c>
      <c r="L16" s="131">
        <v>-0.61306181139848037</v>
      </c>
      <c r="M16" s="132">
        <v>0.56691215047704169</v>
      </c>
    </row>
    <row r="17" spans="1:13" ht="10.5" customHeight="1">
      <c r="A17" s="60"/>
      <c r="B17" s="115" t="s">
        <v>87</v>
      </c>
      <c r="C17" s="49"/>
      <c r="D17" s="130">
        <v>-957</v>
      </c>
      <c r="E17" s="130">
        <v>-1858</v>
      </c>
      <c r="F17" s="130">
        <v>1302</v>
      </c>
      <c r="G17" s="130">
        <v>3160</v>
      </c>
      <c r="H17" s="130">
        <v>901</v>
      </c>
      <c r="I17" s="130">
        <v>10531</v>
      </c>
      <c r="J17" s="130">
        <v>9630</v>
      </c>
      <c r="K17" s="131">
        <v>-0.39483129935391242</v>
      </c>
      <c r="L17" s="131">
        <v>-0.7665585728313159</v>
      </c>
      <c r="M17" s="132">
        <v>0.37172727347740342</v>
      </c>
    </row>
    <row r="18" spans="1:13" ht="10.5" customHeight="1">
      <c r="A18" s="60"/>
      <c r="B18" s="115" t="s">
        <v>88</v>
      </c>
      <c r="C18" s="49"/>
      <c r="D18" s="130">
        <v>-446</v>
      </c>
      <c r="E18" s="130">
        <v>-997</v>
      </c>
      <c r="F18" s="130">
        <v>963</v>
      </c>
      <c r="G18" s="130">
        <v>1960</v>
      </c>
      <c r="H18" s="130">
        <v>551</v>
      </c>
      <c r="I18" s="130">
        <v>9559</v>
      </c>
      <c r="J18" s="130">
        <v>9008</v>
      </c>
      <c r="K18" s="131">
        <v>-0.26956784527047445</v>
      </c>
      <c r="L18" s="131">
        <v>-0.60259897249924455</v>
      </c>
      <c r="M18" s="132">
        <v>0.33303112722876999</v>
      </c>
    </row>
    <row r="19" spans="1:13" ht="10.5" customHeight="1">
      <c r="A19" s="60"/>
      <c r="B19" s="115" t="s">
        <v>89</v>
      </c>
      <c r="C19" s="49"/>
      <c r="D19" s="130">
        <v>-1417</v>
      </c>
      <c r="E19" s="130">
        <v>-1387</v>
      </c>
      <c r="F19" s="130">
        <v>916</v>
      </c>
      <c r="G19" s="130">
        <v>2303</v>
      </c>
      <c r="H19" s="130">
        <v>-30</v>
      </c>
      <c r="I19" s="130">
        <v>8664</v>
      </c>
      <c r="J19" s="130">
        <v>8694</v>
      </c>
      <c r="K19" s="131">
        <v>-0.72335776856635292</v>
      </c>
      <c r="L19" s="131">
        <v>-0.7080432074816736</v>
      </c>
      <c r="M19" s="132">
        <v>-1.5314561084679313E-2</v>
      </c>
    </row>
    <row r="20" spans="1:13" ht="10.5" customHeight="1">
      <c r="A20" s="60"/>
      <c r="B20" s="115" t="s">
        <v>90</v>
      </c>
      <c r="C20" s="49"/>
      <c r="D20" s="130">
        <v>978</v>
      </c>
      <c r="E20" s="130">
        <v>-71</v>
      </c>
      <c r="F20" s="130">
        <v>2879</v>
      </c>
      <c r="G20" s="130">
        <v>2950</v>
      </c>
      <c r="H20" s="130">
        <v>1049</v>
      </c>
      <c r="I20" s="130">
        <v>24259</v>
      </c>
      <c r="J20" s="130">
        <v>23210</v>
      </c>
      <c r="K20" s="131">
        <v>0.27010307000585498</v>
      </c>
      <c r="L20" s="131">
        <v>-1.9608709581202151E-2</v>
      </c>
      <c r="M20" s="132">
        <v>0.28971177958705713</v>
      </c>
    </row>
    <row r="21" spans="1:13" ht="10.5" customHeight="1">
      <c r="A21" s="60"/>
      <c r="B21" s="115" t="s">
        <v>91</v>
      </c>
      <c r="C21" s="49"/>
      <c r="D21" s="130">
        <v>17</v>
      </c>
      <c r="E21" s="130">
        <v>-698</v>
      </c>
      <c r="F21" s="130">
        <v>1175</v>
      </c>
      <c r="G21" s="130">
        <v>1873</v>
      </c>
      <c r="H21" s="130">
        <v>715</v>
      </c>
      <c r="I21" s="130">
        <v>9822</v>
      </c>
      <c r="J21" s="130">
        <v>9107</v>
      </c>
      <c r="K21" s="131">
        <v>9.3002899502160948E-3</v>
      </c>
      <c r="L21" s="131">
        <v>-0.38185896383828438</v>
      </c>
      <c r="M21" s="132">
        <v>0.39115925378850047</v>
      </c>
    </row>
    <row r="22" spans="1:13" ht="10.5" customHeight="1">
      <c r="A22" s="60"/>
      <c r="B22" s="115" t="s">
        <v>92</v>
      </c>
      <c r="C22" s="49"/>
      <c r="D22" s="130">
        <v>-1392</v>
      </c>
      <c r="E22" s="130">
        <v>-808</v>
      </c>
      <c r="F22" s="130">
        <v>1798</v>
      </c>
      <c r="G22" s="130">
        <v>2606</v>
      </c>
      <c r="H22" s="130">
        <v>-584</v>
      </c>
      <c r="I22" s="130">
        <v>15849</v>
      </c>
      <c r="J22" s="130">
        <v>16433</v>
      </c>
      <c r="K22" s="131">
        <v>-0.44835105372160361</v>
      </c>
      <c r="L22" s="131">
        <v>-0.26024974957403429</v>
      </c>
      <c r="M22" s="132">
        <v>-0.18810130414756931</v>
      </c>
    </row>
    <row r="23" spans="1:13" ht="10.5" customHeight="1">
      <c r="A23" s="60"/>
      <c r="B23" s="115" t="s">
        <v>93</v>
      </c>
      <c r="C23" s="49"/>
      <c r="D23" s="130">
        <v>421</v>
      </c>
      <c r="E23" s="130">
        <v>-121</v>
      </c>
      <c r="F23" s="130">
        <v>1467</v>
      </c>
      <c r="G23" s="130">
        <v>1588</v>
      </c>
      <c r="H23" s="130">
        <v>542</v>
      </c>
      <c r="I23" s="130">
        <v>12056</v>
      </c>
      <c r="J23" s="130">
        <v>11514</v>
      </c>
      <c r="K23" s="131">
        <v>0.19591783550347627</v>
      </c>
      <c r="L23" s="131">
        <v>-5.6308926593635691E-2</v>
      </c>
      <c r="M23" s="132">
        <v>0.25222676209711192</v>
      </c>
    </row>
    <row r="24" spans="1:13" ht="10.5" customHeight="1">
      <c r="A24" s="60"/>
      <c r="B24" s="115" t="s">
        <v>94</v>
      </c>
      <c r="C24" s="49"/>
      <c r="D24" s="130">
        <v>-447</v>
      </c>
      <c r="E24" s="130">
        <v>-1109</v>
      </c>
      <c r="F24" s="130">
        <v>1855</v>
      </c>
      <c r="G24" s="130">
        <v>2964</v>
      </c>
      <c r="H24" s="130">
        <v>662</v>
      </c>
      <c r="I24" s="130">
        <v>12941</v>
      </c>
      <c r="J24" s="130">
        <v>12279</v>
      </c>
      <c r="K24" s="131">
        <v>-0.15766361568170997</v>
      </c>
      <c r="L24" s="131">
        <v>-0.39116096150115509</v>
      </c>
      <c r="M24" s="132">
        <v>0.23349734581944517</v>
      </c>
    </row>
    <row r="25" spans="1:13" ht="10.5" customHeight="1">
      <c r="A25" s="60"/>
      <c r="B25" s="115" t="s">
        <v>95</v>
      </c>
      <c r="C25" s="49"/>
      <c r="D25" s="130">
        <v>-74</v>
      </c>
      <c r="E25" s="130">
        <v>-719</v>
      </c>
      <c r="F25" s="130">
        <v>704</v>
      </c>
      <c r="G25" s="130">
        <v>1423</v>
      </c>
      <c r="H25" s="130">
        <v>645</v>
      </c>
      <c r="I25" s="130">
        <v>6072</v>
      </c>
      <c r="J25" s="130">
        <v>5427</v>
      </c>
      <c r="K25" s="131">
        <v>-6.1170168796600921E-2</v>
      </c>
      <c r="L25" s="131">
        <v>-0.59434258601021706</v>
      </c>
      <c r="M25" s="132">
        <v>0.53317241721361619</v>
      </c>
    </row>
    <row r="26" spans="1:13" ht="10.5" customHeight="1">
      <c r="A26" s="60"/>
      <c r="B26" s="115" t="s">
        <v>96</v>
      </c>
      <c r="C26" s="49"/>
      <c r="D26" s="130">
        <v>-743</v>
      </c>
      <c r="E26" s="130">
        <v>-893</v>
      </c>
      <c r="F26" s="130">
        <v>876</v>
      </c>
      <c r="G26" s="130">
        <v>1769</v>
      </c>
      <c r="H26" s="130">
        <v>150</v>
      </c>
      <c r="I26" s="130">
        <v>6167</v>
      </c>
      <c r="J26" s="130">
        <v>6017</v>
      </c>
      <c r="K26" s="131">
        <v>-0.49069787408283089</v>
      </c>
      <c r="L26" s="131">
        <v>-0.58976204785460029</v>
      </c>
      <c r="M26" s="132">
        <v>9.9064173771769362E-2</v>
      </c>
    </row>
    <row r="27" spans="1:13" ht="10.5" customHeight="1">
      <c r="A27" s="60"/>
      <c r="B27" s="115" t="s">
        <v>97</v>
      </c>
      <c r="C27" s="49"/>
      <c r="D27" s="130">
        <v>-45</v>
      </c>
      <c r="E27" s="130">
        <v>-828</v>
      </c>
      <c r="F27" s="130">
        <v>738</v>
      </c>
      <c r="G27" s="130">
        <v>1566</v>
      </c>
      <c r="H27" s="130">
        <v>783</v>
      </c>
      <c r="I27" s="130">
        <v>5908</v>
      </c>
      <c r="J27" s="130">
        <v>5125</v>
      </c>
      <c r="K27" s="131">
        <v>-3.7001710301276143E-2</v>
      </c>
      <c r="L27" s="131">
        <v>-0.68083146954348117</v>
      </c>
      <c r="M27" s="132">
        <v>0.64382975924220498</v>
      </c>
    </row>
    <row r="28" spans="1:13" ht="10.5" customHeight="1">
      <c r="A28" s="125"/>
      <c r="B28" s="126" t="s">
        <v>98</v>
      </c>
      <c r="C28" s="40"/>
      <c r="D28" s="127">
        <v>5195</v>
      </c>
      <c r="E28" s="127">
        <v>-2361</v>
      </c>
      <c r="F28" s="127">
        <v>11371</v>
      </c>
      <c r="G28" s="127">
        <v>13732</v>
      </c>
      <c r="H28" s="127">
        <v>7556</v>
      </c>
      <c r="I28" s="127">
        <v>106140</v>
      </c>
      <c r="J28" s="127">
        <v>98584</v>
      </c>
      <c r="K28" s="128">
        <v>0.33722467017544772</v>
      </c>
      <c r="L28" s="128">
        <v>-0.15326033614710916</v>
      </c>
      <c r="M28" s="129">
        <v>0.49048500632255687</v>
      </c>
    </row>
    <row r="29" spans="1:13" ht="10.5" customHeight="1">
      <c r="A29" s="60"/>
      <c r="B29" s="115" t="s">
        <v>99</v>
      </c>
      <c r="C29" s="49"/>
      <c r="D29" s="130">
        <v>811</v>
      </c>
      <c r="E29" s="130">
        <v>-1303</v>
      </c>
      <c r="F29" s="130">
        <v>1372</v>
      </c>
      <c r="G29" s="130">
        <v>2675</v>
      </c>
      <c r="H29" s="130">
        <v>2114</v>
      </c>
      <c r="I29" s="130">
        <v>17154</v>
      </c>
      <c r="J29" s="130">
        <v>15040</v>
      </c>
      <c r="K29" s="131">
        <v>0.35258110234851187</v>
      </c>
      <c r="L29" s="131">
        <v>-0.56647740611604314</v>
      </c>
      <c r="M29" s="132">
        <v>0.91905850846455484</v>
      </c>
    </row>
    <row r="30" spans="1:13" ht="10.5" customHeight="1">
      <c r="A30" s="60"/>
      <c r="B30" s="115" t="s">
        <v>100</v>
      </c>
      <c r="C30" s="49"/>
      <c r="D30" s="130">
        <v>968</v>
      </c>
      <c r="E30" s="130">
        <v>-221</v>
      </c>
      <c r="F30" s="130">
        <v>1453</v>
      </c>
      <c r="G30" s="130">
        <v>1674</v>
      </c>
      <c r="H30" s="130">
        <v>1189</v>
      </c>
      <c r="I30" s="130">
        <v>11398</v>
      </c>
      <c r="J30" s="130">
        <v>10209</v>
      </c>
      <c r="K30" s="131">
        <v>0.56413543912815434</v>
      </c>
      <c r="L30" s="131">
        <v>-0.12879538434640714</v>
      </c>
      <c r="M30" s="132">
        <v>0.69293082347456147</v>
      </c>
    </row>
    <row r="31" spans="1:13" ht="10.5" customHeight="1">
      <c r="A31" s="60"/>
      <c r="B31" s="115" t="s">
        <v>101</v>
      </c>
      <c r="C31" s="49"/>
      <c r="D31" s="130">
        <v>1257</v>
      </c>
      <c r="E31" s="130">
        <v>468</v>
      </c>
      <c r="F31" s="130">
        <v>2309</v>
      </c>
      <c r="G31" s="130">
        <v>1841</v>
      </c>
      <c r="H31" s="130">
        <v>789</v>
      </c>
      <c r="I31" s="130">
        <v>21900</v>
      </c>
      <c r="J31" s="130">
        <v>21111</v>
      </c>
      <c r="K31" s="131">
        <v>0.47394794490590797</v>
      </c>
      <c r="L31" s="131">
        <v>0.17645794607475332</v>
      </c>
      <c r="M31" s="132">
        <v>0.29748999883115462</v>
      </c>
    </row>
    <row r="32" spans="1:13" ht="10.5" customHeight="1">
      <c r="A32" s="60"/>
      <c r="B32" s="115" t="s">
        <v>102</v>
      </c>
      <c r="C32" s="49"/>
      <c r="D32" s="130">
        <v>1121</v>
      </c>
      <c r="E32" s="130">
        <v>-137</v>
      </c>
      <c r="F32" s="130">
        <v>1752</v>
      </c>
      <c r="G32" s="130">
        <v>1889</v>
      </c>
      <c r="H32" s="130">
        <v>1258</v>
      </c>
      <c r="I32" s="130">
        <v>16533</v>
      </c>
      <c r="J32" s="130">
        <v>15275</v>
      </c>
      <c r="K32" s="131">
        <v>0.4793056268171712</v>
      </c>
      <c r="L32" s="131">
        <v>-5.8577048058833597E-2</v>
      </c>
      <c r="M32" s="132">
        <v>0.53788267487600472</v>
      </c>
    </row>
    <row r="33" spans="1:13" ht="10.5" customHeight="1">
      <c r="A33" s="60"/>
      <c r="B33" s="115" t="s">
        <v>103</v>
      </c>
      <c r="C33" s="49"/>
      <c r="D33" s="130">
        <v>245</v>
      </c>
      <c r="E33" s="130">
        <v>-354</v>
      </c>
      <c r="F33" s="130">
        <v>1629</v>
      </c>
      <c r="G33" s="130">
        <v>1983</v>
      </c>
      <c r="H33" s="130">
        <v>599</v>
      </c>
      <c r="I33" s="130">
        <v>13196</v>
      </c>
      <c r="J33" s="130">
        <v>12597</v>
      </c>
      <c r="K33" s="131">
        <v>0.10433168106018022</v>
      </c>
      <c r="L33" s="131">
        <v>-0.1507486330420563</v>
      </c>
      <c r="M33" s="132">
        <v>0.25508031410223653</v>
      </c>
    </row>
    <row r="34" spans="1:13" ht="10.5" customHeight="1">
      <c r="A34" s="60"/>
      <c r="B34" s="115" t="s">
        <v>104</v>
      </c>
      <c r="C34" s="49"/>
      <c r="D34" s="130">
        <v>1106</v>
      </c>
      <c r="E34" s="130">
        <v>-135</v>
      </c>
      <c r="F34" s="130">
        <v>1801</v>
      </c>
      <c r="G34" s="130">
        <v>1936</v>
      </c>
      <c r="H34" s="130">
        <v>1241</v>
      </c>
      <c r="I34" s="130">
        <v>16115</v>
      </c>
      <c r="J34" s="130">
        <v>14874</v>
      </c>
      <c r="K34" s="131">
        <v>0.49336235814717005</v>
      </c>
      <c r="L34" s="131">
        <v>-6.0220541003497254E-2</v>
      </c>
      <c r="M34" s="132">
        <v>0.55358289915066727</v>
      </c>
    </row>
    <row r="35" spans="1:13" ht="10.5" customHeight="1">
      <c r="A35" s="60"/>
      <c r="B35" s="115" t="s">
        <v>105</v>
      </c>
      <c r="C35" s="49"/>
      <c r="D35" s="130">
        <v>-313</v>
      </c>
      <c r="E35" s="130">
        <v>-679</v>
      </c>
      <c r="F35" s="130">
        <v>1055</v>
      </c>
      <c r="G35" s="130">
        <v>1734</v>
      </c>
      <c r="H35" s="130">
        <v>366</v>
      </c>
      <c r="I35" s="130">
        <v>9844</v>
      </c>
      <c r="J35" s="130">
        <v>9478</v>
      </c>
      <c r="K35" s="131">
        <v>-0.17311468156300985</v>
      </c>
      <c r="L35" s="131">
        <v>-0.37554271176128978</v>
      </c>
      <c r="M35" s="132">
        <v>0.20242803019827993</v>
      </c>
    </row>
    <row r="36" spans="1:13" ht="10.5" customHeight="1">
      <c r="A36" s="125"/>
      <c r="B36" s="126" t="s">
        <v>106</v>
      </c>
      <c r="C36" s="40"/>
      <c r="D36" s="127">
        <v>-1257</v>
      </c>
      <c r="E36" s="127">
        <v>-3974</v>
      </c>
      <c r="F36" s="127">
        <v>4005</v>
      </c>
      <c r="G36" s="127">
        <v>7979</v>
      </c>
      <c r="H36" s="127">
        <v>2717</v>
      </c>
      <c r="I36" s="127">
        <v>35421</v>
      </c>
      <c r="J36" s="127">
        <v>32704</v>
      </c>
      <c r="K36" s="128">
        <v>-0.17313310313195993</v>
      </c>
      <c r="L36" s="128">
        <v>-0.54735954800828068</v>
      </c>
      <c r="M36" s="129">
        <v>0.37422644487632073</v>
      </c>
    </row>
    <row r="37" spans="1:13" ht="10.5" customHeight="1">
      <c r="A37" s="60"/>
      <c r="B37" s="115" t="s">
        <v>91</v>
      </c>
      <c r="C37" s="49"/>
      <c r="D37" s="130">
        <v>-1298</v>
      </c>
      <c r="E37" s="130">
        <v>-1064</v>
      </c>
      <c r="F37" s="130">
        <v>834</v>
      </c>
      <c r="G37" s="130">
        <v>1898</v>
      </c>
      <c r="H37" s="130">
        <v>-234</v>
      </c>
      <c r="I37" s="130">
        <v>7160</v>
      </c>
      <c r="J37" s="130">
        <v>7394</v>
      </c>
      <c r="K37" s="131">
        <v>-0.76945877052581657</v>
      </c>
      <c r="L37" s="131">
        <v>-0.63074278261900529</v>
      </c>
      <c r="M37" s="132">
        <v>-0.13871598790681131</v>
      </c>
    </row>
    <row r="38" spans="1:13" ht="10.5" customHeight="1">
      <c r="A38" s="60"/>
      <c r="B38" s="115" t="s">
        <v>107</v>
      </c>
      <c r="C38" s="49"/>
      <c r="D38" s="130">
        <v>-114</v>
      </c>
      <c r="E38" s="130">
        <v>-1585</v>
      </c>
      <c r="F38" s="130">
        <v>1496</v>
      </c>
      <c r="G38" s="130">
        <v>3081</v>
      </c>
      <c r="H38" s="130">
        <v>1471</v>
      </c>
      <c r="I38" s="130">
        <v>13226</v>
      </c>
      <c r="J38" s="130">
        <v>11755</v>
      </c>
      <c r="K38" s="131">
        <v>-4.1534593944693408E-2</v>
      </c>
      <c r="L38" s="131">
        <v>-0.57747659124858819</v>
      </c>
      <c r="M38" s="132">
        <v>0.5359419973038948</v>
      </c>
    </row>
    <row r="39" spans="1:13" ht="10.5" customHeight="1">
      <c r="A39" s="60"/>
      <c r="B39" s="115" t="s">
        <v>84</v>
      </c>
      <c r="C39" s="49"/>
      <c r="D39" s="130">
        <v>155</v>
      </c>
      <c r="E39" s="130">
        <v>-1325</v>
      </c>
      <c r="F39" s="130">
        <v>1675</v>
      </c>
      <c r="G39" s="130">
        <v>3000</v>
      </c>
      <c r="H39" s="130">
        <v>1480</v>
      </c>
      <c r="I39" s="130">
        <v>15035</v>
      </c>
      <c r="J39" s="130">
        <v>13555</v>
      </c>
      <c r="K39" s="131">
        <v>5.4795295381993916E-2</v>
      </c>
      <c r="L39" s="131">
        <v>-0.46841139600736736</v>
      </c>
      <c r="M39" s="132">
        <v>0.52320669138936127</v>
      </c>
    </row>
    <row r="40" spans="1:13" ht="10.5" customHeight="1">
      <c r="A40" s="9"/>
      <c r="B40" s="115" t="s">
        <v>108</v>
      </c>
      <c r="C40" s="49"/>
      <c r="D40" s="130">
        <v>-4489</v>
      </c>
      <c r="E40" s="130">
        <v>-3900</v>
      </c>
      <c r="F40" s="130">
        <v>1649</v>
      </c>
      <c r="G40" s="130">
        <v>5549</v>
      </c>
      <c r="H40" s="130">
        <v>-589</v>
      </c>
      <c r="I40" s="130">
        <v>14322</v>
      </c>
      <c r="J40" s="130">
        <v>14911</v>
      </c>
      <c r="K40" s="131">
        <v>-1.1850142814151536</v>
      </c>
      <c r="L40" s="131">
        <v>-1.0295290036799063</v>
      </c>
      <c r="M40" s="132">
        <v>-0.1554852777352474</v>
      </c>
    </row>
    <row r="41" spans="1:13" ht="10.5" customHeight="1">
      <c r="A41" s="9"/>
      <c r="B41" s="115" t="s">
        <v>109</v>
      </c>
      <c r="C41" s="49"/>
      <c r="D41" s="130">
        <v>851</v>
      </c>
      <c r="E41" s="130">
        <v>-1837</v>
      </c>
      <c r="F41" s="130">
        <v>1326</v>
      </c>
      <c r="G41" s="130">
        <v>3163</v>
      </c>
      <c r="H41" s="130">
        <v>2688</v>
      </c>
      <c r="I41" s="130">
        <v>11126</v>
      </c>
      <c r="J41" s="130">
        <v>8438</v>
      </c>
      <c r="K41" s="131">
        <v>0.33029431513415541</v>
      </c>
      <c r="L41" s="131">
        <v>-0.71298549577137893</v>
      </c>
      <c r="M41" s="132">
        <v>1.0432798109055343</v>
      </c>
    </row>
    <row r="42" spans="1:13" ht="10.5" customHeight="1">
      <c r="A42" s="9"/>
      <c r="B42" s="115" t="s">
        <v>110</v>
      </c>
      <c r="C42" s="49"/>
      <c r="D42" s="130">
        <v>-835</v>
      </c>
      <c r="E42" s="130">
        <v>-1374</v>
      </c>
      <c r="F42" s="130">
        <v>830</v>
      </c>
      <c r="G42" s="130">
        <v>2204</v>
      </c>
      <c r="H42" s="130">
        <v>539</v>
      </c>
      <c r="I42" s="130">
        <v>7581</v>
      </c>
      <c r="J42" s="130">
        <v>7042</v>
      </c>
      <c r="K42" s="131">
        <v>-0.48516329957526427</v>
      </c>
      <c r="L42" s="131">
        <v>-0.79834056720528512</v>
      </c>
      <c r="M42" s="132">
        <v>0.31317726763002085</v>
      </c>
    </row>
    <row r="43" spans="1:13" ht="10.5" customHeight="1">
      <c r="A43" s="9"/>
      <c r="B43" s="115" t="s">
        <v>111</v>
      </c>
      <c r="C43" s="49"/>
      <c r="D43" s="130">
        <v>-5</v>
      </c>
      <c r="E43" s="130">
        <v>-1592</v>
      </c>
      <c r="F43" s="130">
        <v>2976</v>
      </c>
      <c r="G43" s="130">
        <v>4568</v>
      </c>
      <c r="H43" s="130">
        <v>1587</v>
      </c>
      <c r="I43" s="130">
        <v>20137</v>
      </c>
      <c r="J43" s="130">
        <v>18550</v>
      </c>
      <c r="K43" s="131">
        <v>-1.1265523891923069E-3</v>
      </c>
      <c r="L43" s="131">
        <v>-0.35869428071883053</v>
      </c>
      <c r="M43" s="132">
        <v>0.35756772832963823</v>
      </c>
    </row>
    <row r="44" spans="1:13" ht="10.5" customHeight="1">
      <c r="A44" s="9"/>
      <c r="B44" s="115" t="s">
        <v>112</v>
      </c>
      <c r="C44" s="49"/>
      <c r="D44" s="130">
        <v>-840</v>
      </c>
      <c r="E44" s="130">
        <v>-1597</v>
      </c>
      <c r="F44" s="130">
        <v>959</v>
      </c>
      <c r="G44" s="130">
        <v>2556</v>
      </c>
      <c r="H44" s="130">
        <v>757</v>
      </c>
      <c r="I44" s="130">
        <v>7418</v>
      </c>
      <c r="J44" s="130">
        <v>6661</v>
      </c>
      <c r="K44" s="131">
        <v>-0.44879946144064625</v>
      </c>
      <c r="L44" s="131">
        <v>-0.85325326181037142</v>
      </c>
      <c r="M44" s="132">
        <v>0.40445380036972528</v>
      </c>
    </row>
    <row r="45" spans="1:13" ht="10.5" customHeight="1">
      <c r="A45" s="9"/>
      <c r="B45" s="115" t="s">
        <v>113</v>
      </c>
      <c r="C45" s="49"/>
      <c r="D45" s="130">
        <v>1369</v>
      </c>
      <c r="E45" s="130">
        <v>-1173</v>
      </c>
      <c r="F45" s="130">
        <v>1445</v>
      </c>
      <c r="G45" s="130">
        <v>2618</v>
      </c>
      <c r="H45" s="130">
        <v>2542</v>
      </c>
      <c r="I45" s="130">
        <v>10911</v>
      </c>
      <c r="J45" s="130">
        <v>8369</v>
      </c>
      <c r="K45" s="131">
        <v>0.56024128433984421</v>
      </c>
      <c r="L45" s="131">
        <v>-0.48003142916774089</v>
      </c>
      <c r="M45" s="132">
        <v>1.0402727135075851</v>
      </c>
    </row>
    <row r="46" spans="1:13" ht="10.5" customHeight="1">
      <c r="A46" s="9"/>
      <c r="B46" s="115" t="s">
        <v>114</v>
      </c>
      <c r="C46" s="49"/>
      <c r="D46" s="130">
        <v>-449</v>
      </c>
      <c r="E46" s="130">
        <v>-531</v>
      </c>
      <c r="F46" s="130">
        <v>277</v>
      </c>
      <c r="G46" s="130">
        <v>808</v>
      </c>
      <c r="H46" s="130">
        <v>82</v>
      </c>
      <c r="I46" s="130">
        <v>2321</v>
      </c>
      <c r="J46" s="130">
        <v>2239</v>
      </c>
      <c r="K46" s="131">
        <v>-0.79557736945620772</v>
      </c>
      <c r="L46" s="131">
        <v>-0.94087212289809874</v>
      </c>
      <c r="M46" s="132">
        <v>0.14529475344189094</v>
      </c>
    </row>
    <row r="47" spans="1:13" ht="10.5" customHeight="1">
      <c r="A47" s="9"/>
      <c r="B47" s="115" t="s">
        <v>115</v>
      </c>
      <c r="C47" s="49"/>
      <c r="D47" s="130">
        <v>-718</v>
      </c>
      <c r="E47" s="130">
        <v>-660</v>
      </c>
      <c r="F47" s="130">
        <v>125</v>
      </c>
      <c r="G47" s="130">
        <v>785</v>
      </c>
      <c r="H47" s="130">
        <v>-58</v>
      </c>
      <c r="I47" s="130">
        <v>1225</v>
      </c>
      <c r="J47" s="130">
        <v>1283</v>
      </c>
      <c r="K47" s="131">
        <v>-1.7580372664724175</v>
      </c>
      <c r="L47" s="131">
        <v>-1.6160231140275705</v>
      </c>
      <c r="M47" s="132">
        <v>-0.14201415244484711</v>
      </c>
    </row>
    <row r="48" spans="1:13" ht="10.5" customHeight="1">
      <c r="A48" s="9"/>
      <c r="B48" s="115" t="s">
        <v>116</v>
      </c>
      <c r="C48" s="49"/>
      <c r="D48" s="130">
        <v>-389</v>
      </c>
      <c r="E48" s="130">
        <v>-1264</v>
      </c>
      <c r="F48" s="130">
        <v>690</v>
      </c>
      <c r="G48" s="130">
        <v>1954</v>
      </c>
      <c r="H48" s="130">
        <v>875</v>
      </c>
      <c r="I48" s="130">
        <v>6535</v>
      </c>
      <c r="J48" s="130">
        <v>5660</v>
      </c>
      <c r="K48" s="131">
        <v>-0.2407029267990842</v>
      </c>
      <c r="L48" s="131">
        <v>-0.78212981869933795</v>
      </c>
      <c r="M48" s="132">
        <v>0.54142689190025373</v>
      </c>
    </row>
    <row r="49" spans="1:13" ht="10.5" customHeight="1">
      <c r="A49" s="9"/>
      <c r="B49" s="115" t="s">
        <v>117</v>
      </c>
      <c r="C49" s="49"/>
      <c r="D49" s="130">
        <v>104</v>
      </c>
      <c r="E49" s="130">
        <v>-1095</v>
      </c>
      <c r="F49" s="130">
        <v>1256</v>
      </c>
      <c r="G49" s="130">
        <v>2351</v>
      </c>
      <c r="H49" s="130">
        <v>1199</v>
      </c>
      <c r="I49" s="130">
        <v>11021</v>
      </c>
      <c r="J49" s="130">
        <v>9822</v>
      </c>
      <c r="K49" s="131">
        <v>4.6437693118291087E-2</v>
      </c>
      <c r="L49" s="131">
        <v>-0.48893532658200717</v>
      </c>
      <c r="M49" s="132">
        <v>0.53537301970029827</v>
      </c>
    </row>
    <row r="50" spans="1:13" ht="10.5" customHeight="1">
      <c r="A50" s="9"/>
      <c r="B50" s="115" t="s">
        <v>118</v>
      </c>
      <c r="C50" s="49"/>
      <c r="D50" s="130">
        <v>557</v>
      </c>
      <c r="E50" s="130">
        <v>-727</v>
      </c>
      <c r="F50" s="130">
        <v>1766</v>
      </c>
      <c r="G50" s="130">
        <v>2493</v>
      </c>
      <c r="H50" s="130">
        <v>1284</v>
      </c>
      <c r="I50" s="130">
        <v>12687</v>
      </c>
      <c r="J50" s="130">
        <v>11403</v>
      </c>
      <c r="K50" s="131">
        <v>0.22915492436241858</v>
      </c>
      <c r="L50" s="131">
        <v>-0.29909448835094848</v>
      </c>
      <c r="M50" s="132">
        <v>0.52824941271336712</v>
      </c>
    </row>
    <row r="51" spans="1:13" ht="10.5" customHeight="1">
      <c r="A51" s="9"/>
      <c r="B51" s="115" t="s">
        <v>119</v>
      </c>
      <c r="C51" s="49"/>
      <c r="D51" s="130">
        <v>246</v>
      </c>
      <c r="E51" s="130">
        <v>-606</v>
      </c>
      <c r="F51" s="130">
        <v>550</v>
      </c>
      <c r="G51" s="130">
        <v>1156</v>
      </c>
      <c r="H51" s="130">
        <v>852</v>
      </c>
      <c r="I51" s="130">
        <v>5509</v>
      </c>
      <c r="J51" s="130">
        <v>4657</v>
      </c>
      <c r="K51" s="131">
        <v>0.2430157663887462</v>
      </c>
      <c r="L51" s="131">
        <v>-0.59864859525032599</v>
      </c>
      <c r="M51" s="132">
        <v>0.8416643616390721</v>
      </c>
    </row>
    <row r="52" spans="1:13" ht="10.5" customHeight="1">
      <c r="A52" s="9"/>
      <c r="B52" s="115" t="s">
        <v>120</v>
      </c>
      <c r="C52" s="49"/>
      <c r="D52" s="130">
        <v>634</v>
      </c>
      <c r="E52" s="130">
        <v>-313</v>
      </c>
      <c r="F52" s="130">
        <v>1009</v>
      </c>
      <c r="G52" s="130">
        <v>1322</v>
      </c>
      <c r="H52" s="130">
        <v>947</v>
      </c>
      <c r="I52" s="130">
        <v>6895</v>
      </c>
      <c r="J52" s="130">
        <v>5948</v>
      </c>
      <c r="K52" s="131">
        <v>0.45435651937106736</v>
      </c>
      <c r="L52" s="131">
        <v>-0.22431165703965944</v>
      </c>
      <c r="M52" s="132">
        <v>0.67866817641072685</v>
      </c>
    </row>
    <row r="53" spans="1:13" ht="10.5" customHeight="1">
      <c r="A53" s="9"/>
      <c r="B53" s="115" t="s">
        <v>121</v>
      </c>
      <c r="C53" s="49"/>
      <c r="D53" s="130">
        <v>-171</v>
      </c>
      <c r="E53" s="130">
        <v>-695</v>
      </c>
      <c r="F53" s="130">
        <v>736</v>
      </c>
      <c r="G53" s="130">
        <v>1431</v>
      </c>
      <c r="H53" s="130">
        <v>524</v>
      </c>
      <c r="I53" s="130">
        <v>6624</v>
      </c>
      <c r="J53" s="130">
        <v>6100</v>
      </c>
      <c r="K53" s="131">
        <v>-0.12946698970321019</v>
      </c>
      <c r="L53" s="131">
        <v>-0.52619624470018167</v>
      </c>
      <c r="M53" s="132">
        <v>0.39672925499697154</v>
      </c>
    </row>
    <row r="54" spans="1:13" ht="10.5" customHeight="1">
      <c r="A54" s="9"/>
      <c r="B54" s="115" t="s">
        <v>122</v>
      </c>
      <c r="C54" s="49"/>
      <c r="D54" s="130">
        <v>-377</v>
      </c>
      <c r="E54" s="130">
        <v>-420</v>
      </c>
      <c r="F54" s="130">
        <v>143</v>
      </c>
      <c r="G54" s="130">
        <v>563</v>
      </c>
      <c r="H54" s="130">
        <v>43</v>
      </c>
      <c r="I54" s="130">
        <v>1390</v>
      </c>
      <c r="J54" s="130">
        <v>1347</v>
      </c>
      <c r="K54" s="131">
        <v>-0.93956386292834893</v>
      </c>
      <c r="L54" s="131">
        <v>-1.0467289719626169</v>
      </c>
      <c r="M54" s="132">
        <v>0.10716510903426792</v>
      </c>
    </row>
    <row r="55" spans="1:13" ht="10.5" customHeight="1">
      <c r="A55" s="9"/>
      <c r="B55" s="115" t="s">
        <v>123</v>
      </c>
      <c r="C55" s="49"/>
      <c r="D55" s="130">
        <v>-276</v>
      </c>
      <c r="E55" s="130">
        <v>-495</v>
      </c>
      <c r="F55" s="130">
        <v>477</v>
      </c>
      <c r="G55" s="130">
        <v>972</v>
      </c>
      <c r="H55" s="130">
        <v>219</v>
      </c>
      <c r="I55" s="130">
        <v>4059</v>
      </c>
      <c r="J55" s="130">
        <v>3840</v>
      </c>
      <c r="K55" s="131">
        <v>-0.33159127770769509</v>
      </c>
      <c r="L55" s="131">
        <v>-0.59470174806271403</v>
      </c>
      <c r="M55" s="132">
        <v>0.26311047035501889</v>
      </c>
    </row>
    <row r="56" spans="1:13" ht="10.5" customHeight="1">
      <c r="A56" s="9"/>
      <c r="B56" s="115" t="s">
        <v>124</v>
      </c>
      <c r="C56" s="49"/>
      <c r="D56" s="130">
        <v>-351</v>
      </c>
      <c r="E56" s="130">
        <v>-305</v>
      </c>
      <c r="F56" s="130">
        <v>137</v>
      </c>
      <c r="G56" s="130">
        <v>442</v>
      </c>
      <c r="H56" s="130">
        <v>-46</v>
      </c>
      <c r="I56" s="130">
        <v>1128</v>
      </c>
      <c r="J56" s="130">
        <v>1174</v>
      </c>
      <c r="K56" s="131">
        <v>-1.1173362195199592</v>
      </c>
      <c r="L56" s="131">
        <v>-0.97090469217546316</v>
      </c>
      <c r="M56" s="132">
        <v>-0.14643152734449608</v>
      </c>
    </row>
    <row r="57" spans="1:13" ht="10.5" customHeight="1">
      <c r="A57" s="9"/>
      <c r="B57" s="115" t="s">
        <v>125</v>
      </c>
      <c r="C57" s="49"/>
      <c r="D57" s="130">
        <v>71</v>
      </c>
      <c r="E57" s="130">
        <v>-263</v>
      </c>
      <c r="F57" s="130">
        <v>296</v>
      </c>
      <c r="G57" s="130">
        <v>559</v>
      </c>
      <c r="H57" s="130">
        <v>334</v>
      </c>
      <c r="I57" s="130">
        <v>2226</v>
      </c>
      <c r="J57" s="130">
        <v>1892</v>
      </c>
      <c r="K57" s="131">
        <v>0.14618979965820414</v>
      </c>
      <c r="L57" s="131">
        <v>-0.54151996211419273</v>
      </c>
      <c r="M57" s="132">
        <v>0.68770976177239684</v>
      </c>
    </row>
    <row r="58" spans="1:13" ht="10.5" customHeight="1">
      <c r="A58" s="125"/>
      <c r="B58" s="126" t="s">
        <v>126</v>
      </c>
      <c r="C58" s="40"/>
      <c r="D58" s="127">
        <v>-395</v>
      </c>
      <c r="E58" s="127">
        <v>-609</v>
      </c>
      <c r="F58" s="127">
        <v>236</v>
      </c>
      <c r="G58" s="127">
        <v>845</v>
      </c>
      <c r="H58" s="127">
        <v>214</v>
      </c>
      <c r="I58" s="127">
        <v>2209</v>
      </c>
      <c r="J58" s="127">
        <v>1995</v>
      </c>
      <c r="K58" s="128">
        <v>-0.67668271289808646</v>
      </c>
      <c r="L58" s="128">
        <v>-1.0432905624175561</v>
      </c>
      <c r="M58" s="129">
        <v>0.36660784951946962</v>
      </c>
    </row>
    <row r="59" spans="1:13" ht="10.5" customHeight="1">
      <c r="A59" s="60"/>
      <c r="B59" s="115" t="s">
        <v>127</v>
      </c>
      <c r="C59" s="49"/>
      <c r="D59" s="130">
        <v>-211</v>
      </c>
      <c r="E59" s="130">
        <v>-314</v>
      </c>
      <c r="F59" s="130">
        <v>135</v>
      </c>
      <c r="G59" s="130">
        <v>449</v>
      </c>
      <c r="H59" s="130">
        <v>103</v>
      </c>
      <c r="I59" s="130">
        <v>1149</v>
      </c>
      <c r="J59" s="130">
        <v>1046</v>
      </c>
      <c r="K59" s="131">
        <v>-0.67494082272407396</v>
      </c>
      <c r="L59" s="131">
        <v>-1.0044143049069156</v>
      </c>
      <c r="M59" s="132">
        <v>0.32947348218284178</v>
      </c>
    </row>
    <row r="60" spans="1:13" ht="10.5" customHeight="1">
      <c r="A60" s="60"/>
      <c r="B60" s="115" t="s">
        <v>128</v>
      </c>
      <c r="C60" s="49"/>
      <c r="D60" s="130">
        <v>-184</v>
      </c>
      <c r="E60" s="130">
        <v>-295</v>
      </c>
      <c r="F60" s="130">
        <v>101</v>
      </c>
      <c r="G60" s="130">
        <v>396</v>
      </c>
      <c r="H60" s="130">
        <v>111</v>
      </c>
      <c r="I60" s="130">
        <v>1060</v>
      </c>
      <c r="J60" s="130">
        <v>949</v>
      </c>
      <c r="K60" s="131">
        <v>-0.67869130611191031</v>
      </c>
      <c r="L60" s="131">
        <v>-1.0881192136033344</v>
      </c>
      <c r="M60" s="132">
        <v>0.40942790749142416</v>
      </c>
    </row>
    <row r="61" spans="1:13" ht="10.5" customHeight="1">
      <c r="A61" s="125"/>
      <c r="B61" s="126" t="s">
        <v>129</v>
      </c>
      <c r="C61" s="40"/>
      <c r="D61" s="127">
        <v>-235</v>
      </c>
      <c r="E61" s="127">
        <v>-487</v>
      </c>
      <c r="F61" s="127">
        <v>365</v>
      </c>
      <c r="G61" s="127">
        <v>852</v>
      </c>
      <c r="H61" s="127">
        <v>252</v>
      </c>
      <c r="I61" s="127">
        <v>3197</v>
      </c>
      <c r="J61" s="127">
        <v>2945</v>
      </c>
      <c r="K61" s="128">
        <v>-0.36242500886784595</v>
      </c>
      <c r="L61" s="128">
        <v>-0.75106799710060002</v>
      </c>
      <c r="M61" s="129">
        <v>0.38864298823275401</v>
      </c>
    </row>
    <row r="62" spans="1:13" ht="10.5" customHeight="1">
      <c r="A62" s="60"/>
      <c r="B62" s="115" t="s">
        <v>130</v>
      </c>
      <c r="C62" s="49"/>
      <c r="D62" s="130">
        <v>-136</v>
      </c>
      <c r="E62" s="130">
        <v>-114</v>
      </c>
      <c r="F62" s="130">
        <v>29</v>
      </c>
      <c r="G62" s="130">
        <v>143</v>
      </c>
      <c r="H62" s="130">
        <v>-22</v>
      </c>
      <c r="I62" s="130">
        <v>308</v>
      </c>
      <c r="J62" s="130">
        <v>330</v>
      </c>
      <c r="K62" s="131">
        <v>-1.4996140699084795</v>
      </c>
      <c r="L62" s="131">
        <v>-1.2570294409526961</v>
      </c>
      <c r="M62" s="132">
        <v>-0.24258462895578345</v>
      </c>
    </row>
    <row r="63" spans="1:13" ht="10.5" customHeight="1">
      <c r="A63" s="60"/>
      <c r="B63" s="115" t="s">
        <v>131</v>
      </c>
      <c r="C63" s="49"/>
      <c r="D63" s="130">
        <v>110</v>
      </c>
      <c r="E63" s="130">
        <v>-89</v>
      </c>
      <c r="F63" s="130">
        <v>118</v>
      </c>
      <c r="G63" s="130">
        <v>207</v>
      </c>
      <c r="H63" s="130">
        <v>199</v>
      </c>
      <c r="I63" s="130">
        <v>776</v>
      </c>
      <c r="J63" s="130">
        <v>577</v>
      </c>
      <c r="K63" s="131">
        <v>0.63927471377927592</v>
      </c>
      <c r="L63" s="131">
        <v>-0.51723135933050501</v>
      </c>
      <c r="M63" s="132">
        <v>1.1565060731097809</v>
      </c>
    </row>
    <row r="64" spans="1:13" ht="10.5" customHeight="1">
      <c r="A64" s="60"/>
      <c r="B64" s="115" t="s">
        <v>132</v>
      </c>
      <c r="C64" s="49"/>
      <c r="D64" s="130">
        <v>-150</v>
      </c>
      <c r="E64" s="130">
        <v>-98</v>
      </c>
      <c r="F64" s="130">
        <v>50</v>
      </c>
      <c r="G64" s="130">
        <v>148</v>
      </c>
      <c r="H64" s="130">
        <v>-52</v>
      </c>
      <c r="I64" s="130">
        <v>1057</v>
      </c>
      <c r="J64" s="130">
        <v>1109</v>
      </c>
      <c r="K64" s="131">
        <v>-1.4321176245942333</v>
      </c>
      <c r="L64" s="131">
        <v>-0.93565018140156586</v>
      </c>
      <c r="M64" s="132">
        <v>-0.49646744319266756</v>
      </c>
    </row>
    <row r="65" spans="1:20" ht="10.5" customHeight="1">
      <c r="A65" s="60"/>
      <c r="B65" s="115" t="s">
        <v>133</v>
      </c>
      <c r="C65" s="49"/>
      <c r="D65" s="130">
        <v>-142</v>
      </c>
      <c r="E65" s="130">
        <v>-142</v>
      </c>
      <c r="F65" s="130">
        <v>31</v>
      </c>
      <c r="G65" s="130">
        <v>173</v>
      </c>
      <c r="H65" s="130">
        <v>0</v>
      </c>
      <c r="I65" s="130">
        <v>260</v>
      </c>
      <c r="J65" s="130">
        <v>260</v>
      </c>
      <c r="K65" s="131">
        <v>-1.5187165775401068</v>
      </c>
      <c r="L65" s="131">
        <v>-1.5187165775401068</v>
      </c>
      <c r="M65" s="132">
        <v>0</v>
      </c>
    </row>
    <row r="66" spans="1:20" ht="10.5" customHeight="1">
      <c r="A66" s="60"/>
      <c r="B66" s="115" t="s">
        <v>134</v>
      </c>
      <c r="C66" s="49"/>
      <c r="D66" s="130">
        <v>83</v>
      </c>
      <c r="E66" s="130">
        <v>-44</v>
      </c>
      <c r="F66" s="130">
        <v>137</v>
      </c>
      <c r="G66" s="130">
        <v>181</v>
      </c>
      <c r="H66" s="130">
        <v>127</v>
      </c>
      <c r="I66" s="130">
        <v>796</v>
      </c>
      <c r="J66" s="130">
        <v>669</v>
      </c>
      <c r="K66" s="131">
        <v>0.44287924870604556</v>
      </c>
      <c r="L66" s="131">
        <v>-0.23477936075983141</v>
      </c>
      <c r="M66" s="132">
        <v>0.67765860946587697</v>
      </c>
    </row>
    <row r="67" spans="1:20" ht="10.5" customHeight="1">
      <c r="A67" s="125"/>
      <c r="B67" s="126" t="s">
        <v>135</v>
      </c>
      <c r="C67" s="40"/>
      <c r="D67" s="127">
        <v>-524</v>
      </c>
      <c r="E67" s="127">
        <v>-727</v>
      </c>
      <c r="F67" s="127">
        <v>112</v>
      </c>
      <c r="G67" s="127">
        <v>839</v>
      </c>
      <c r="H67" s="127">
        <v>203</v>
      </c>
      <c r="I67" s="127">
        <v>2998</v>
      </c>
      <c r="J67" s="127">
        <v>2795</v>
      </c>
      <c r="K67" s="128">
        <v>-1.3049433445399079</v>
      </c>
      <c r="L67" s="128">
        <v>-1.8104843730544142</v>
      </c>
      <c r="M67" s="129">
        <v>0.50554102851450622</v>
      </c>
    </row>
    <row r="68" spans="1:20" ht="10.5" customHeight="1">
      <c r="A68" s="60"/>
      <c r="B68" s="115" t="s">
        <v>136</v>
      </c>
      <c r="C68" s="49"/>
      <c r="D68" s="130">
        <v>62</v>
      </c>
      <c r="E68" s="130">
        <v>-127</v>
      </c>
      <c r="F68" s="130">
        <v>36</v>
      </c>
      <c r="G68" s="130">
        <v>163</v>
      </c>
      <c r="H68" s="130">
        <v>189</v>
      </c>
      <c r="I68" s="130">
        <v>1530</v>
      </c>
      <c r="J68" s="130">
        <v>1341</v>
      </c>
      <c r="K68" s="131">
        <v>0.56906837999082149</v>
      </c>
      <c r="L68" s="131">
        <v>-1.1656723267553923</v>
      </c>
      <c r="M68" s="132">
        <v>1.7347407067462139</v>
      </c>
    </row>
    <row r="69" spans="1:20" ht="10.5" customHeight="1">
      <c r="A69" s="60"/>
      <c r="B69" s="115" t="s">
        <v>137</v>
      </c>
      <c r="C69" s="49"/>
      <c r="D69" s="130">
        <v>-170</v>
      </c>
      <c r="E69" s="130">
        <v>-129</v>
      </c>
      <c r="F69" s="130">
        <v>13</v>
      </c>
      <c r="G69" s="130">
        <v>142</v>
      </c>
      <c r="H69" s="130">
        <v>-41</v>
      </c>
      <c r="I69" s="130">
        <v>208</v>
      </c>
      <c r="J69" s="130">
        <v>249</v>
      </c>
      <c r="K69" s="131">
        <v>-2.6271055478287746</v>
      </c>
      <c r="L69" s="131">
        <v>-1.9935095039406583</v>
      </c>
      <c r="M69" s="132">
        <v>-0.63359604388811619</v>
      </c>
    </row>
    <row r="70" spans="1:20" ht="10.5" customHeight="1">
      <c r="A70" s="60"/>
      <c r="B70" s="115" t="s">
        <v>138</v>
      </c>
      <c r="C70" s="49"/>
      <c r="D70" s="130">
        <v>-416</v>
      </c>
      <c r="E70" s="130">
        <v>-471</v>
      </c>
      <c r="F70" s="130">
        <v>63</v>
      </c>
      <c r="G70" s="130">
        <v>534</v>
      </c>
      <c r="H70" s="130">
        <v>55</v>
      </c>
      <c r="I70" s="130">
        <v>1260</v>
      </c>
      <c r="J70" s="130">
        <v>1205</v>
      </c>
      <c r="K70" s="131">
        <v>-1.8254420992584139</v>
      </c>
      <c r="L70" s="131">
        <v>-2.0667866075738295</v>
      </c>
      <c r="M70" s="132">
        <v>0.24134450831541535</v>
      </c>
    </row>
    <row r="71" spans="1:20" ht="10.5" customHeight="1">
      <c r="A71" s="125"/>
      <c r="B71" s="126" t="s">
        <v>139</v>
      </c>
      <c r="C71" s="40"/>
      <c r="D71" s="127">
        <v>-151</v>
      </c>
      <c r="E71" s="127">
        <v>-355</v>
      </c>
      <c r="F71" s="127">
        <v>186</v>
      </c>
      <c r="G71" s="127">
        <v>541</v>
      </c>
      <c r="H71" s="127">
        <v>204</v>
      </c>
      <c r="I71" s="127">
        <v>2008</v>
      </c>
      <c r="J71" s="127">
        <v>1804</v>
      </c>
      <c r="K71" s="128">
        <v>-0.35642629529092412</v>
      </c>
      <c r="L71" s="128">
        <v>-0.83795585978992093</v>
      </c>
      <c r="M71" s="129">
        <v>0.48152956449899686</v>
      </c>
    </row>
    <row r="72" spans="1:20" ht="10.5" customHeight="1">
      <c r="A72" s="60"/>
      <c r="B72" s="115" t="s">
        <v>140</v>
      </c>
      <c r="C72" s="49"/>
      <c r="D72" s="130">
        <v>-103</v>
      </c>
      <c r="E72" s="130">
        <v>-334</v>
      </c>
      <c r="F72" s="130">
        <v>180</v>
      </c>
      <c r="G72" s="130">
        <v>514</v>
      </c>
      <c r="H72" s="130">
        <v>231</v>
      </c>
      <c r="I72" s="130">
        <v>1913</v>
      </c>
      <c r="J72" s="130">
        <v>1682</v>
      </c>
      <c r="K72" s="131">
        <v>-0.26140141613582724</v>
      </c>
      <c r="L72" s="131">
        <v>-0.84765119407151734</v>
      </c>
      <c r="M72" s="132">
        <v>0.58624977793569011</v>
      </c>
    </row>
    <row r="73" spans="1:20" ht="10.5" customHeight="1" thickBot="1">
      <c r="A73" s="133"/>
      <c r="B73" s="115" t="s">
        <v>141</v>
      </c>
      <c r="C73" s="49"/>
      <c r="D73" s="130">
        <v>-48</v>
      </c>
      <c r="E73" s="130">
        <v>-21</v>
      </c>
      <c r="F73" s="130">
        <v>6</v>
      </c>
      <c r="G73" s="130">
        <v>27</v>
      </c>
      <c r="H73" s="130">
        <v>-27</v>
      </c>
      <c r="I73" s="130">
        <v>95</v>
      </c>
      <c r="J73" s="130">
        <v>122</v>
      </c>
      <c r="K73" s="131">
        <v>-1.6205266711681297</v>
      </c>
      <c r="L73" s="131">
        <v>-0.70898041863605676</v>
      </c>
      <c r="M73" s="132">
        <v>-0.91154625253207289</v>
      </c>
    </row>
    <row r="74" spans="1:20" s="64" customFormat="1" ht="13.5" customHeight="1">
      <c r="A74" s="228" t="s">
        <v>142</v>
      </c>
      <c r="B74" s="228"/>
      <c r="C74" s="228"/>
      <c r="D74" s="228"/>
      <c r="E74" s="228"/>
      <c r="F74" s="228"/>
      <c r="G74" s="228"/>
      <c r="H74" s="228"/>
      <c r="I74" s="228"/>
      <c r="J74" s="228"/>
      <c r="K74" s="228"/>
      <c r="L74" s="228"/>
      <c r="M74" s="228"/>
      <c r="N74" s="63"/>
      <c r="O74" s="63"/>
      <c r="P74" s="63"/>
      <c r="Q74" s="63"/>
      <c r="R74" s="63"/>
      <c r="S74" s="63"/>
      <c r="T74" s="63"/>
    </row>
  </sheetData>
  <mergeCells count="9">
    <mergeCell ref="A74:M74"/>
    <mergeCell ref="A1:M1"/>
    <mergeCell ref="A2:C2"/>
    <mergeCell ref="K2:M2"/>
    <mergeCell ref="A3:C4"/>
    <mergeCell ref="D3:D4"/>
    <mergeCell ref="E3:G3"/>
    <mergeCell ref="H3:J3"/>
    <mergeCell ref="K3:M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9" orientation="portrait" r:id="rId1"/>
  <headerFooter>
    <oddFooter>&amp;C&amp;"HGPｺﾞｼｯｸM,ﾒﾃﾞｨｳﾑ"&amp;9- 18 -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V75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2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18.75" customHeight="1">
      <c r="A1" s="206" t="s">
        <v>143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22" ht="15" customHeight="1" thickBot="1">
      <c r="A2" s="207" t="s">
        <v>144</v>
      </c>
      <c r="B2" s="207"/>
      <c r="C2" s="207"/>
      <c r="I2" s="248" t="s">
        <v>212</v>
      </c>
      <c r="J2" s="248"/>
      <c r="K2" s="248"/>
    </row>
    <row r="3" spans="1:22" ht="15" customHeight="1">
      <c r="A3" s="208" t="s">
        <v>72</v>
      </c>
      <c r="B3" s="209"/>
      <c r="C3" s="209"/>
      <c r="D3" s="220" t="s">
        <v>145</v>
      </c>
      <c r="E3" s="209"/>
      <c r="F3" s="209"/>
      <c r="G3" s="250"/>
      <c r="H3" s="220" t="s">
        <v>146</v>
      </c>
      <c r="I3" s="209"/>
      <c r="J3" s="209"/>
      <c r="K3" s="251"/>
    </row>
    <row r="4" spans="1:22" ht="15" customHeight="1">
      <c r="A4" s="212"/>
      <c r="B4" s="213"/>
      <c r="C4" s="213"/>
      <c r="D4" s="7" t="s">
        <v>31</v>
      </c>
      <c r="E4" s="7" t="s">
        <v>32</v>
      </c>
      <c r="F4" s="7" t="s">
        <v>33</v>
      </c>
      <c r="G4" s="7" t="s">
        <v>34</v>
      </c>
      <c r="H4" s="7" t="s">
        <v>31</v>
      </c>
      <c r="I4" s="7" t="s">
        <v>32</v>
      </c>
      <c r="J4" s="7" t="s">
        <v>33</v>
      </c>
      <c r="K4" s="65" t="s">
        <v>34</v>
      </c>
    </row>
    <row r="5" spans="1:22" ht="10.5" customHeight="1">
      <c r="A5" s="9"/>
      <c r="B5" s="115"/>
      <c r="C5" s="49"/>
      <c r="D5" s="12" t="s">
        <v>10</v>
      </c>
      <c r="E5" s="12" t="s">
        <v>10</v>
      </c>
      <c r="F5" s="12" t="s">
        <v>10</v>
      </c>
      <c r="G5" s="12" t="s">
        <v>10</v>
      </c>
      <c r="H5" s="12" t="s">
        <v>10</v>
      </c>
      <c r="I5" s="12" t="s">
        <v>10</v>
      </c>
      <c r="J5" s="12" t="s">
        <v>10</v>
      </c>
      <c r="K5" s="14" t="s">
        <v>10</v>
      </c>
    </row>
    <row r="6" spans="1:22" ht="10.5" customHeight="1">
      <c r="A6" s="116"/>
      <c r="B6" s="117" t="s">
        <v>76</v>
      </c>
      <c r="C6" s="17"/>
      <c r="D6" s="18">
        <v>506632</v>
      </c>
      <c r="E6" s="18">
        <v>279222</v>
      </c>
      <c r="F6" s="18">
        <v>216858</v>
      </c>
      <c r="G6" s="18">
        <v>10552</v>
      </c>
      <c r="H6" s="18">
        <v>465590</v>
      </c>
      <c r="I6" s="18">
        <v>238230</v>
      </c>
      <c r="J6" s="18">
        <v>217368</v>
      </c>
      <c r="K6" s="134">
        <v>9992</v>
      </c>
    </row>
    <row r="7" spans="1:22" s="30" customFormat="1" ht="10.5" customHeight="1">
      <c r="A7" s="120"/>
      <c r="B7" s="121" t="s">
        <v>77</v>
      </c>
      <c r="C7" s="33"/>
      <c r="D7" s="122">
        <v>492866</v>
      </c>
      <c r="E7" s="122">
        <v>272440</v>
      </c>
      <c r="F7" s="122">
        <v>210440</v>
      </c>
      <c r="G7" s="122">
        <v>9986</v>
      </c>
      <c r="H7" s="122">
        <v>452985</v>
      </c>
      <c r="I7" s="122">
        <v>232436</v>
      </c>
      <c r="J7" s="122">
        <v>210915</v>
      </c>
      <c r="K7" s="135">
        <v>9634</v>
      </c>
      <c r="S7" s="31"/>
      <c r="T7" s="31"/>
      <c r="U7" s="31"/>
      <c r="V7" s="31"/>
    </row>
    <row r="8" spans="1:22" s="30" customFormat="1" ht="10.5" customHeight="1">
      <c r="A8" s="120"/>
      <c r="B8" s="121" t="s">
        <v>78</v>
      </c>
      <c r="C8" s="33"/>
      <c r="D8" s="122">
        <v>13766</v>
      </c>
      <c r="E8" s="122">
        <v>6782</v>
      </c>
      <c r="F8" s="122">
        <v>6418</v>
      </c>
      <c r="G8" s="122">
        <v>566</v>
      </c>
      <c r="H8" s="122">
        <v>12605</v>
      </c>
      <c r="I8" s="122">
        <v>5794</v>
      </c>
      <c r="J8" s="122">
        <v>6453</v>
      </c>
      <c r="K8" s="135">
        <v>358</v>
      </c>
      <c r="S8" s="31"/>
      <c r="T8" s="31"/>
      <c r="U8" s="31"/>
      <c r="V8" s="31"/>
    </row>
    <row r="9" spans="1:22" ht="10.5" customHeight="1">
      <c r="A9" s="125"/>
      <c r="B9" s="126" t="s">
        <v>79</v>
      </c>
      <c r="C9" s="40"/>
      <c r="D9" s="127">
        <v>221544</v>
      </c>
      <c r="E9" s="127">
        <v>115339</v>
      </c>
      <c r="F9" s="127">
        <v>101005</v>
      </c>
      <c r="G9" s="127">
        <v>5200</v>
      </c>
      <c r="H9" s="127">
        <v>205427</v>
      </c>
      <c r="I9" s="127">
        <v>97966</v>
      </c>
      <c r="J9" s="127">
        <v>103118</v>
      </c>
      <c r="K9" s="136">
        <v>4343</v>
      </c>
    </row>
    <row r="10" spans="1:22" ht="10.5" customHeight="1">
      <c r="A10" s="60"/>
      <c r="B10" s="115" t="s">
        <v>80</v>
      </c>
      <c r="C10" s="49"/>
      <c r="D10" s="130">
        <v>19299</v>
      </c>
      <c r="E10" s="130">
        <v>12311</v>
      </c>
      <c r="F10" s="130">
        <v>6568</v>
      </c>
      <c r="G10" s="130">
        <v>420</v>
      </c>
      <c r="H10" s="130">
        <v>17666</v>
      </c>
      <c r="I10" s="130">
        <v>9448</v>
      </c>
      <c r="J10" s="130">
        <v>7754</v>
      </c>
      <c r="K10" s="137">
        <v>464</v>
      </c>
    </row>
    <row r="11" spans="1:22" ht="10.5" customHeight="1">
      <c r="A11" s="60"/>
      <c r="B11" s="115" t="s">
        <v>81</v>
      </c>
      <c r="C11" s="49"/>
      <c r="D11" s="130">
        <v>18515</v>
      </c>
      <c r="E11" s="130">
        <v>10363</v>
      </c>
      <c r="F11" s="130">
        <v>7678</v>
      </c>
      <c r="G11" s="130">
        <v>474</v>
      </c>
      <c r="H11" s="130">
        <v>16983</v>
      </c>
      <c r="I11" s="130">
        <v>8078</v>
      </c>
      <c r="J11" s="130">
        <v>8543</v>
      </c>
      <c r="K11" s="137">
        <v>362</v>
      </c>
    </row>
    <row r="12" spans="1:22" ht="10.5" customHeight="1">
      <c r="A12" s="60"/>
      <c r="B12" s="115" t="s">
        <v>82</v>
      </c>
      <c r="C12" s="49"/>
      <c r="D12" s="130">
        <v>9969</v>
      </c>
      <c r="E12" s="130">
        <v>5425</v>
      </c>
      <c r="F12" s="130">
        <v>4334</v>
      </c>
      <c r="G12" s="130">
        <v>210</v>
      </c>
      <c r="H12" s="130">
        <v>9066</v>
      </c>
      <c r="I12" s="130">
        <v>4059</v>
      </c>
      <c r="J12" s="130">
        <v>4773</v>
      </c>
      <c r="K12" s="137">
        <v>234</v>
      </c>
    </row>
    <row r="13" spans="1:22" ht="10.5" customHeight="1">
      <c r="A13" s="60"/>
      <c r="B13" s="115" t="s">
        <v>83</v>
      </c>
      <c r="C13" s="49"/>
      <c r="D13" s="130">
        <v>14620</v>
      </c>
      <c r="E13" s="130">
        <v>8083</v>
      </c>
      <c r="F13" s="130">
        <v>6134</v>
      </c>
      <c r="G13" s="130">
        <v>403</v>
      </c>
      <c r="H13" s="130">
        <v>12377</v>
      </c>
      <c r="I13" s="130">
        <v>5803</v>
      </c>
      <c r="J13" s="130">
        <v>5937</v>
      </c>
      <c r="K13" s="137">
        <v>637</v>
      </c>
    </row>
    <row r="14" spans="1:22" ht="10.5" customHeight="1">
      <c r="A14" s="60"/>
      <c r="B14" s="115" t="s">
        <v>84</v>
      </c>
      <c r="C14" s="49"/>
      <c r="D14" s="130">
        <v>15417</v>
      </c>
      <c r="E14" s="130">
        <v>7609</v>
      </c>
      <c r="F14" s="130">
        <v>7428</v>
      </c>
      <c r="G14" s="130">
        <v>380</v>
      </c>
      <c r="H14" s="130">
        <v>12459</v>
      </c>
      <c r="I14" s="130">
        <v>5011</v>
      </c>
      <c r="J14" s="130">
        <v>7069</v>
      </c>
      <c r="K14" s="137">
        <v>379</v>
      </c>
    </row>
    <row r="15" spans="1:22" ht="10.5" customHeight="1">
      <c r="A15" s="60"/>
      <c r="B15" s="115" t="s">
        <v>85</v>
      </c>
      <c r="C15" s="49"/>
      <c r="D15" s="130">
        <v>9556</v>
      </c>
      <c r="E15" s="130">
        <v>4001</v>
      </c>
      <c r="F15" s="130">
        <v>5318</v>
      </c>
      <c r="G15" s="130">
        <v>237</v>
      </c>
      <c r="H15" s="130">
        <v>9259</v>
      </c>
      <c r="I15" s="130">
        <v>3889</v>
      </c>
      <c r="J15" s="130">
        <v>5254</v>
      </c>
      <c r="K15" s="137">
        <v>116</v>
      </c>
    </row>
    <row r="16" spans="1:22" ht="10.5" customHeight="1">
      <c r="A16" s="60"/>
      <c r="B16" s="115" t="s">
        <v>86</v>
      </c>
      <c r="C16" s="49"/>
      <c r="D16" s="130">
        <v>12340</v>
      </c>
      <c r="E16" s="130">
        <v>5782</v>
      </c>
      <c r="F16" s="130">
        <v>6227</v>
      </c>
      <c r="G16" s="130">
        <v>331</v>
      </c>
      <c r="H16" s="130">
        <v>11173</v>
      </c>
      <c r="I16" s="130">
        <v>4756</v>
      </c>
      <c r="J16" s="130">
        <v>6134</v>
      </c>
      <c r="K16" s="137">
        <v>283</v>
      </c>
    </row>
    <row r="17" spans="1:11" ht="10.5" customHeight="1">
      <c r="A17" s="60"/>
      <c r="B17" s="115" t="s">
        <v>87</v>
      </c>
      <c r="C17" s="49"/>
      <c r="D17" s="130">
        <v>10531</v>
      </c>
      <c r="E17" s="130">
        <v>4198</v>
      </c>
      <c r="F17" s="130">
        <v>6004</v>
      </c>
      <c r="G17" s="130">
        <v>329</v>
      </c>
      <c r="H17" s="130">
        <v>9630</v>
      </c>
      <c r="I17" s="130">
        <v>3957</v>
      </c>
      <c r="J17" s="130">
        <v>5461</v>
      </c>
      <c r="K17" s="137">
        <v>212</v>
      </c>
    </row>
    <row r="18" spans="1:11" ht="10.5" customHeight="1">
      <c r="A18" s="60"/>
      <c r="B18" s="115" t="s">
        <v>88</v>
      </c>
      <c r="C18" s="49"/>
      <c r="D18" s="130">
        <v>9559</v>
      </c>
      <c r="E18" s="130">
        <v>4477</v>
      </c>
      <c r="F18" s="130">
        <v>4855</v>
      </c>
      <c r="G18" s="130">
        <v>227</v>
      </c>
      <c r="H18" s="130">
        <v>9008</v>
      </c>
      <c r="I18" s="130">
        <v>3816</v>
      </c>
      <c r="J18" s="130">
        <v>5013</v>
      </c>
      <c r="K18" s="137">
        <v>179</v>
      </c>
    </row>
    <row r="19" spans="1:11" ht="10.5" customHeight="1">
      <c r="A19" s="60"/>
      <c r="B19" s="115" t="s">
        <v>89</v>
      </c>
      <c r="C19" s="49"/>
      <c r="D19" s="130">
        <v>8664</v>
      </c>
      <c r="E19" s="130">
        <v>4404</v>
      </c>
      <c r="F19" s="130">
        <v>4091</v>
      </c>
      <c r="G19" s="130">
        <v>169</v>
      </c>
      <c r="H19" s="130">
        <v>8694</v>
      </c>
      <c r="I19" s="130">
        <v>4142</v>
      </c>
      <c r="J19" s="130">
        <v>4418</v>
      </c>
      <c r="K19" s="137">
        <v>134</v>
      </c>
    </row>
    <row r="20" spans="1:11" ht="10.5" customHeight="1">
      <c r="A20" s="60"/>
      <c r="B20" s="115" t="s">
        <v>90</v>
      </c>
      <c r="C20" s="49"/>
      <c r="D20" s="130">
        <v>24259</v>
      </c>
      <c r="E20" s="130">
        <v>14766</v>
      </c>
      <c r="F20" s="130">
        <v>8955</v>
      </c>
      <c r="G20" s="130">
        <v>538</v>
      </c>
      <c r="H20" s="130">
        <v>23210</v>
      </c>
      <c r="I20" s="130">
        <v>12890</v>
      </c>
      <c r="J20" s="130">
        <v>9937</v>
      </c>
      <c r="K20" s="137">
        <v>383</v>
      </c>
    </row>
    <row r="21" spans="1:11" ht="10.5" customHeight="1">
      <c r="A21" s="60"/>
      <c r="B21" s="115" t="s">
        <v>91</v>
      </c>
      <c r="C21" s="49"/>
      <c r="D21" s="130">
        <v>9822</v>
      </c>
      <c r="E21" s="130">
        <v>4527</v>
      </c>
      <c r="F21" s="130">
        <v>5098</v>
      </c>
      <c r="G21" s="130">
        <v>197</v>
      </c>
      <c r="H21" s="130">
        <v>9107</v>
      </c>
      <c r="I21" s="130">
        <v>4465</v>
      </c>
      <c r="J21" s="130">
        <v>4484</v>
      </c>
      <c r="K21" s="137">
        <v>158</v>
      </c>
    </row>
    <row r="22" spans="1:11" ht="10.5" customHeight="1">
      <c r="A22" s="60"/>
      <c r="B22" s="115" t="s">
        <v>92</v>
      </c>
      <c r="C22" s="49"/>
      <c r="D22" s="130">
        <v>15849</v>
      </c>
      <c r="E22" s="130">
        <v>9733</v>
      </c>
      <c r="F22" s="130">
        <v>5689</v>
      </c>
      <c r="G22" s="130">
        <v>427</v>
      </c>
      <c r="H22" s="130">
        <v>16433</v>
      </c>
      <c r="I22" s="130">
        <v>9946</v>
      </c>
      <c r="J22" s="130">
        <v>6262</v>
      </c>
      <c r="K22" s="137">
        <v>225</v>
      </c>
    </row>
    <row r="23" spans="1:11" ht="10.5" customHeight="1">
      <c r="A23" s="60"/>
      <c r="B23" s="115" t="s">
        <v>93</v>
      </c>
      <c r="C23" s="49"/>
      <c r="D23" s="130">
        <v>12056</v>
      </c>
      <c r="E23" s="130">
        <v>6593</v>
      </c>
      <c r="F23" s="130">
        <v>5207</v>
      </c>
      <c r="G23" s="130">
        <v>256</v>
      </c>
      <c r="H23" s="130">
        <v>11514</v>
      </c>
      <c r="I23" s="130">
        <v>6158</v>
      </c>
      <c r="J23" s="130">
        <v>5223</v>
      </c>
      <c r="K23" s="137">
        <v>133</v>
      </c>
    </row>
    <row r="24" spans="1:11" ht="10.5" customHeight="1">
      <c r="A24" s="60"/>
      <c r="B24" s="115" t="s">
        <v>94</v>
      </c>
      <c r="C24" s="49"/>
      <c r="D24" s="130">
        <v>12941</v>
      </c>
      <c r="E24" s="130">
        <v>6319</v>
      </c>
      <c r="F24" s="130">
        <v>6342</v>
      </c>
      <c r="G24" s="130">
        <v>280</v>
      </c>
      <c r="H24" s="130">
        <v>12279</v>
      </c>
      <c r="I24" s="130">
        <v>5481</v>
      </c>
      <c r="J24" s="130">
        <v>6605</v>
      </c>
      <c r="K24" s="137">
        <v>193</v>
      </c>
    </row>
    <row r="25" spans="1:11" ht="10.5" customHeight="1">
      <c r="A25" s="60"/>
      <c r="B25" s="115" t="s">
        <v>95</v>
      </c>
      <c r="C25" s="49"/>
      <c r="D25" s="130">
        <v>6072</v>
      </c>
      <c r="E25" s="130">
        <v>2420</v>
      </c>
      <c r="F25" s="130">
        <v>3558</v>
      </c>
      <c r="G25" s="130">
        <v>94</v>
      </c>
      <c r="H25" s="130">
        <v>5427</v>
      </c>
      <c r="I25" s="130">
        <v>2044</v>
      </c>
      <c r="J25" s="130">
        <v>3317</v>
      </c>
      <c r="K25" s="137">
        <v>66</v>
      </c>
    </row>
    <row r="26" spans="1:11" ht="10.5" customHeight="1">
      <c r="A26" s="60"/>
      <c r="B26" s="115" t="s">
        <v>96</v>
      </c>
      <c r="C26" s="49"/>
      <c r="D26" s="130">
        <v>6167</v>
      </c>
      <c r="E26" s="130">
        <v>2290</v>
      </c>
      <c r="F26" s="130">
        <v>3756</v>
      </c>
      <c r="G26" s="130">
        <v>121</v>
      </c>
      <c r="H26" s="130">
        <v>6017</v>
      </c>
      <c r="I26" s="130">
        <v>2168</v>
      </c>
      <c r="J26" s="130">
        <v>3754</v>
      </c>
      <c r="K26" s="137">
        <v>95</v>
      </c>
    </row>
    <row r="27" spans="1:11" ht="10.5" customHeight="1">
      <c r="A27" s="60"/>
      <c r="B27" s="115" t="s">
        <v>97</v>
      </c>
      <c r="C27" s="49"/>
      <c r="D27" s="130">
        <v>5908</v>
      </c>
      <c r="E27" s="130">
        <v>2038</v>
      </c>
      <c r="F27" s="130">
        <v>3763</v>
      </c>
      <c r="G27" s="130">
        <v>107</v>
      </c>
      <c r="H27" s="130">
        <v>5125</v>
      </c>
      <c r="I27" s="130">
        <v>1855</v>
      </c>
      <c r="J27" s="130">
        <v>3180</v>
      </c>
      <c r="K27" s="137">
        <v>90</v>
      </c>
    </row>
    <row r="28" spans="1:11" ht="10.5" customHeight="1">
      <c r="A28" s="125"/>
      <c r="B28" s="126" t="s">
        <v>98</v>
      </c>
      <c r="C28" s="40"/>
      <c r="D28" s="127">
        <v>106140</v>
      </c>
      <c r="E28" s="127">
        <v>69717</v>
      </c>
      <c r="F28" s="127">
        <v>35640</v>
      </c>
      <c r="G28" s="127">
        <v>783</v>
      </c>
      <c r="H28" s="127">
        <v>98584</v>
      </c>
      <c r="I28" s="127">
        <v>59427</v>
      </c>
      <c r="J28" s="127">
        <v>37413</v>
      </c>
      <c r="K28" s="136">
        <v>1744</v>
      </c>
    </row>
    <row r="29" spans="1:11" ht="10.5" customHeight="1">
      <c r="A29" s="60"/>
      <c r="B29" s="115" t="s">
        <v>99</v>
      </c>
      <c r="C29" s="49"/>
      <c r="D29" s="130">
        <v>17154</v>
      </c>
      <c r="E29" s="130">
        <v>11764</v>
      </c>
      <c r="F29" s="130">
        <v>5218</v>
      </c>
      <c r="G29" s="130">
        <v>172</v>
      </c>
      <c r="H29" s="130">
        <v>15040</v>
      </c>
      <c r="I29" s="130">
        <v>9014</v>
      </c>
      <c r="J29" s="130">
        <v>5403</v>
      </c>
      <c r="K29" s="137">
        <v>623</v>
      </c>
    </row>
    <row r="30" spans="1:11" ht="10.5" customHeight="1">
      <c r="A30" s="60"/>
      <c r="B30" s="115" t="s">
        <v>100</v>
      </c>
      <c r="C30" s="49"/>
      <c r="D30" s="130">
        <v>11398</v>
      </c>
      <c r="E30" s="130">
        <v>6672</v>
      </c>
      <c r="F30" s="130">
        <v>4643</v>
      </c>
      <c r="G30" s="130">
        <v>83</v>
      </c>
      <c r="H30" s="130">
        <v>10209</v>
      </c>
      <c r="I30" s="130">
        <v>5286</v>
      </c>
      <c r="J30" s="130">
        <v>4719</v>
      </c>
      <c r="K30" s="137">
        <v>204</v>
      </c>
    </row>
    <row r="31" spans="1:11" ht="10.5" customHeight="1">
      <c r="A31" s="60"/>
      <c r="B31" s="115" t="s">
        <v>101</v>
      </c>
      <c r="C31" s="49"/>
      <c r="D31" s="130">
        <v>21900</v>
      </c>
      <c r="E31" s="130">
        <v>14729</v>
      </c>
      <c r="F31" s="130">
        <v>7041</v>
      </c>
      <c r="G31" s="130">
        <v>130</v>
      </c>
      <c r="H31" s="130">
        <v>21111</v>
      </c>
      <c r="I31" s="130">
        <v>12566</v>
      </c>
      <c r="J31" s="130">
        <v>8319</v>
      </c>
      <c r="K31" s="137">
        <v>226</v>
      </c>
    </row>
    <row r="32" spans="1:11" ht="10.5" customHeight="1">
      <c r="A32" s="60"/>
      <c r="B32" s="115" t="s">
        <v>102</v>
      </c>
      <c r="C32" s="49"/>
      <c r="D32" s="130">
        <v>16533</v>
      </c>
      <c r="E32" s="130">
        <v>10503</v>
      </c>
      <c r="F32" s="130">
        <v>5915</v>
      </c>
      <c r="G32" s="130">
        <v>115</v>
      </c>
      <c r="H32" s="130">
        <v>15275</v>
      </c>
      <c r="I32" s="130">
        <v>8840</v>
      </c>
      <c r="J32" s="130">
        <v>6237</v>
      </c>
      <c r="K32" s="137">
        <v>198</v>
      </c>
    </row>
    <row r="33" spans="1:11" ht="10.5" customHeight="1">
      <c r="A33" s="60"/>
      <c r="B33" s="115" t="s">
        <v>103</v>
      </c>
      <c r="C33" s="49"/>
      <c r="D33" s="130">
        <v>13196</v>
      </c>
      <c r="E33" s="130">
        <v>8178</v>
      </c>
      <c r="F33" s="130">
        <v>4902</v>
      </c>
      <c r="G33" s="130">
        <v>116</v>
      </c>
      <c r="H33" s="130">
        <v>12597</v>
      </c>
      <c r="I33" s="130">
        <v>7379</v>
      </c>
      <c r="J33" s="130">
        <v>5069</v>
      </c>
      <c r="K33" s="137">
        <v>149</v>
      </c>
    </row>
    <row r="34" spans="1:11" ht="10.5" customHeight="1">
      <c r="A34" s="60"/>
      <c r="B34" s="115" t="s">
        <v>104</v>
      </c>
      <c r="C34" s="49"/>
      <c r="D34" s="130">
        <v>16115</v>
      </c>
      <c r="E34" s="130">
        <v>11168</v>
      </c>
      <c r="F34" s="130">
        <v>4857</v>
      </c>
      <c r="G34" s="130">
        <v>90</v>
      </c>
      <c r="H34" s="130">
        <v>14874</v>
      </c>
      <c r="I34" s="130">
        <v>10003</v>
      </c>
      <c r="J34" s="130">
        <v>4700</v>
      </c>
      <c r="K34" s="137">
        <v>171</v>
      </c>
    </row>
    <row r="35" spans="1:11" ht="10.5" customHeight="1">
      <c r="A35" s="60"/>
      <c r="B35" s="115" t="s">
        <v>105</v>
      </c>
      <c r="C35" s="49"/>
      <c r="D35" s="130">
        <v>9844</v>
      </c>
      <c r="E35" s="130">
        <v>6703</v>
      </c>
      <c r="F35" s="130">
        <v>3064</v>
      </c>
      <c r="G35" s="130">
        <v>77</v>
      </c>
      <c r="H35" s="130">
        <v>9478</v>
      </c>
      <c r="I35" s="130">
        <v>6339</v>
      </c>
      <c r="J35" s="130">
        <v>2966</v>
      </c>
      <c r="K35" s="137">
        <v>173</v>
      </c>
    </row>
    <row r="36" spans="1:11" ht="10.5" customHeight="1">
      <c r="A36" s="125"/>
      <c r="B36" s="126" t="s">
        <v>106</v>
      </c>
      <c r="C36" s="40"/>
      <c r="D36" s="127">
        <v>35421</v>
      </c>
      <c r="E36" s="127">
        <v>20011</v>
      </c>
      <c r="F36" s="127">
        <v>14814</v>
      </c>
      <c r="G36" s="127">
        <v>596</v>
      </c>
      <c r="H36" s="127">
        <v>32704</v>
      </c>
      <c r="I36" s="127">
        <v>18187</v>
      </c>
      <c r="J36" s="127">
        <v>13630</v>
      </c>
      <c r="K36" s="136">
        <v>887</v>
      </c>
    </row>
    <row r="37" spans="1:11" ht="10.5" customHeight="1">
      <c r="A37" s="60"/>
      <c r="B37" s="115" t="s">
        <v>91</v>
      </c>
      <c r="C37" s="49"/>
      <c r="D37" s="130">
        <v>7160</v>
      </c>
      <c r="E37" s="130">
        <v>4453</v>
      </c>
      <c r="F37" s="130">
        <v>2596</v>
      </c>
      <c r="G37" s="130">
        <v>111</v>
      </c>
      <c r="H37" s="130">
        <v>7394</v>
      </c>
      <c r="I37" s="130">
        <v>4377</v>
      </c>
      <c r="J37" s="130">
        <v>2805</v>
      </c>
      <c r="K37" s="137">
        <v>212</v>
      </c>
    </row>
    <row r="38" spans="1:11" ht="10.5" customHeight="1">
      <c r="A38" s="60"/>
      <c r="B38" s="115" t="s">
        <v>107</v>
      </c>
      <c r="C38" s="49"/>
      <c r="D38" s="130">
        <v>13226</v>
      </c>
      <c r="E38" s="130">
        <v>7452</v>
      </c>
      <c r="F38" s="130">
        <v>5565</v>
      </c>
      <c r="G38" s="130">
        <v>209</v>
      </c>
      <c r="H38" s="130">
        <v>11755</v>
      </c>
      <c r="I38" s="130">
        <v>6472</v>
      </c>
      <c r="J38" s="130">
        <v>4920</v>
      </c>
      <c r="K38" s="137">
        <v>363</v>
      </c>
    </row>
    <row r="39" spans="1:11" ht="10.5" customHeight="1">
      <c r="A39" s="60"/>
      <c r="B39" s="115" t="s">
        <v>84</v>
      </c>
      <c r="C39" s="49"/>
      <c r="D39" s="130">
        <v>15035</v>
      </c>
      <c r="E39" s="130">
        <v>8106</v>
      </c>
      <c r="F39" s="130">
        <v>6653</v>
      </c>
      <c r="G39" s="130">
        <v>276</v>
      </c>
      <c r="H39" s="130">
        <v>13555</v>
      </c>
      <c r="I39" s="130">
        <v>7338</v>
      </c>
      <c r="J39" s="130">
        <v>5905</v>
      </c>
      <c r="K39" s="137">
        <v>312</v>
      </c>
    </row>
    <row r="40" spans="1:11" ht="10.5" customHeight="1">
      <c r="A40" s="9"/>
      <c r="B40" s="115" t="s">
        <v>108</v>
      </c>
      <c r="C40" s="49"/>
      <c r="D40" s="130">
        <v>14322</v>
      </c>
      <c r="E40" s="130">
        <v>8896</v>
      </c>
      <c r="F40" s="130">
        <v>4650</v>
      </c>
      <c r="G40" s="130">
        <v>776</v>
      </c>
      <c r="H40" s="130">
        <v>14911</v>
      </c>
      <c r="I40" s="130">
        <v>9344</v>
      </c>
      <c r="J40" s="130">
        <v>5461</v>
      </c>
      <c r="K40" s="137">
        <v>106</v>
      </c>
    </row>
    <row r="41" spans="1:11" ht="10.5" customHeight="1">
      <c r="A41" s="9"/>
      <c r="B41" s="115" t="s">
        <v>109</v>
      </c>
      <c r="C41" s="49"/>
      <c r="D41" s="130">
        <v>11126</v>
      </c>
      <c r="E41" s="130">
        <v>5142</v>
      </c>
      <c r="F41" s="130">
        <v>5326</v>
      </c>
      <c r="G41" s="130">
        <v>658</v>
      </c>
      <c r="H41" s="130">
        <v>8438</v>
      </c>
      <c r="I41" s="130">
        <v>4026</v>
      </c>
      <c r="J41" s="130">
        <v>4196</v>
      </c>
      <c r="K41" s="137">
        <v>216</v>
      </c>
    </row>
    <row r="42" spans="1:11" ht="10.5" customHeight="1">
      <c r="A42" s="9"/>
      <c r="B42" s="115" t="s">
        <v>110</v>
      </c>
      <c r="C42" s="49"/>
      <c r="D42" s="130">
        <v>7581</v>
      </c>
      <c r="E42" s="130">
        <v>4301</v>
      </c>
      <c r="F42" s="130">
        <v>3243</v>
      </c>
      <c r="G42" s="130">
        <v>37</v>
      </c>
      <c r="H42" s="130">
        <v>7042</v>
      </c>
      <c r="I42" s="130">
        <v>3601</v>
      </c>
      <c r="J42" s="130">
        <v>3383</v>
      </c>
      <c r="K42" s="137">
        <v>58</v>
      </c>
    </row>
    <row r="43" spans="1:11" ht="10.5" customHeight="1">
      <c r="A43" s="9"/>
      <c r="B43" s="115" t="s">
        <v>111</v>
      </c>
      <c r="C43" s="49"/>
      <c r="D43" s="130">
        <v>20137</v>
      </c>
      <c r="E43" s="130">
        <v>11251</v>
      </c>
      <c r="F43" s="130">
        <v>8687</v>
      </c>
      <c r="G43" s="130">
        <v>199</v>
      </c>
      <c r="H43" s="130">
        <v>18550</v>
      </c>
      <c r="I43" s="130">
        <v>9082</v>
      </c>
      <c r="J43" s="130">
        <v>9163</v>
      </c>
      <c r="K43" s="137">
        <v>305</v>
      </c>
    </row>
    <row r="44" spans="1:11" ht="10.5" customHeight="1">
      <c r="A44" s="9"/>
      <c r="B44" s="115" t="s">
        <v>112</v>
      </c>
      <c r="C44" s="49"/>
      <c r="D44" s="130">
        <v>7418</v>
      </c>
      <c r="E44" s="130">
        <v>4221</v>
      </c>
      <c r="F44" s="130">
        <v>3144</v>
      </c>
      <c r="G44" s="130">
        <v>53</v>
      </c>
      <c r="H44" s="130">
        <v>6661</v>
      </c>
      <c r="I44" s="130">
        <v>3396</v>
      </c>
      <c r="J44" s="130">
        <v>3199</v>
      </c>
      <c r="K44" s="137">
        <v>66</v>
      </c>
    </row>
    <row r="45" spans="1:11" ht="10.5" customHeight="1">
      <c r="A45" s="9"/>
      <c r="B45" s="115" t="s">
        <v>113</v>
      </c>
      <c r="C45" s="49"/>
      <c r="D45" s="130">
        <v>10911</v>
      </c>
      <c r="E45" s="130">
        <v>5479</v>
      </c>
      <c r="F45" s="130">
        <v>5367</v>
      </c>
      <c r="G45" s="130">
        <v>65</v>
      </c>
      <c r="H45" s="130">
        <v>8369</v>
      </c>
      <c r="I45" s="130">
        <v>4063</v>
      </c>
      <c r="J45" s="130">
        <v>4247</v>
      </c>
      <c r="K45" s="137">
        <v>59</v>
      </c>
    </row>
    <row r="46" spans="1:11" ht="10.5" customHeight="1">
      <c r="A46" s="9"/>
      <c r="B46" s="115" t="s">
        <v>114</v>
      </c>
      <c r="C46" s="49"/>
      <c r="D46" s="130">
        <v>2321</v>
      </c>
      <c r="E46" s="130">
        <v>1172</v>
      </c>
      <c r="F46" s="130">
        <v>1129</v>
      </c>
      <c r="G46" s="130">
        <v>20</v>
      </c>
      <c r="H46" s="130">
        <v>2239</v>
      </c>
      <c r="I46" s="130">
        <v>1002</v>
      </c>
      <c r="J46" s="130">
        <v>1203</v>
      </c>
      <c r="K46" s="137">
        <v>34</v>
      </c>
    </row>
    <row r="47" spans="1:11" ht="10.5" customHeight="1">
      <c r="A47" s="9"/>
      <c r="B47" s="115" t="s">
        <v>115</v>
      </c>
      <c r="C47" s="49"/>
      <c r="D47" s="130">
        <v>1225</v>
      </c>
      <c r="E47" s="130">
        <v>616</v>
      </c>
      <c r="F47" s="130">
        <v>599</v>
      </c>
      <c r="G47" s="130">
        <v>10</v>
      </c>
      <c r="H47" s="130">
        <v>1283</v>
      </c>
      <c r="I47" s="130">
        <v>495</v>
      </c>
      <c r="J47" s="130">
        <v>770</v>
      </c>
      <c r="K47" s="137">
        <v>18</v>
      </c>
    </row>
    <row r="48" spans="1:11" ht="10.5" customHeight="1">
      <c r="A48" s="9"/>
      <c r="B48" s="115" t="s">
        <v>116</v>
      </c>
      <c r="C48" s="49"/>
      <c r="D48" s="130">
        <v>6535</v>
      </c>
      <c r="E48" s="130">
        <v>3480</v>
      </c>
      <c r="F48" s="130">
        <v>2982</v>
      </c>
      <c r="G48" s="130">
        <v>73</v>
      </c>
      <c r="H48" s="130">
        <v>5660</v>
      </c>
      <c r="I48" s="130">
        <v>2869</v>
      </c>
      <c r="J48" s="130">
        <v>2687</v>
      </c>
      <c r="K48" s="137">
        <v>104</v>
      </c>
    </row>
    <row r="49" spans="1:11" ht="10.5" customHeight="1">
      <c r="A49" s="9"/>
      <c r="B49" s="115" t="s">
        <v>117</v>
      </c>
      <c r="C49" s="49"/>
      <c r="D49" s="130">
        <v>11021</v>
      </c>
      <c r="E49" s="130">
        <v>6260</v>
      </c>
      <c r="F49" s="130">
        <v>4558</v>
      </c>
      <c r="G49" s="130">
        <v>203</v>
      </c>
      <c r="H49" s="130">
        <v>9822</v>
      </c>
      <c r="I49" s="130">
        <v>4839</v>
      </c>
      <c r="J49" s="130">
        <v>4672</v>
      </c>
      <c r="K49" s="137">
        <v>311</v>
      </c>
    </row>
    <row r="50" spans="1:11" ht="10.5" customHeight="1">
      <c r="A50" s="9"/>
      <c r="B50" s="115" t="s">
        <v>118</v>
      </c>
      <c r="C50" s="49"/>
      <c r="D50" s="130">
        <v>12687</v>
      </c>
      <c r="E50" s="130">
        <v>5365</v>
      </c>
      <c r="F50" s="130">
        <v>6341</v>
      </c>
      <c r="G50" s="130">
        <v>981</v>
      </c>
      <c r="H50" s="130">
        <v>11403</v>
      </c>
      <c r="I50" s="130">
        <v>4716</v>
      </c>
      <c r="J50" s="130">
        <v>5844</v>
      </c>
      <c r="K50" s="137">
        <v>843</v>
      </c>
    </row>
    <row r="51" spans="1:11" ht="10.5" customHeight="1">
      <c r="A51" s="9"/>
      <c r="B51" s="115" t="s">
        <v>119</v>
      </c>
      <c r="C51" s="49"/>
      <c r="D51" s="130">
        <v>5509</v>
      </c>
      <c r="E51" s="130">
        <v>2956</v>
      </c>
      <c r="F51" s="130">
        <v>2507</v>
      </c>
      <c r="G51" s="130">
        <v>46</v>
      </c>
      <c r="H51" s="130">
        <v>4657</v>
      </c>
      <c r="I51" s="130">
        <v>2111</v>
      </c>
      <c r="J51" s="130">
        <v>2464</v>
      </c>
      <c r="K51" s="137">
        <v>82</v>
      </c>
    </row>
    <row r="52" spans="1:11" ht="10.5" customHeight="1">
      <c r="A52" s="9"/>
      <c r="B52" s="115" t="s">
        <v>120</v>
      </c>
      <c r="C52" s="49"/>
      <c r="D52" s="130">
        <v>6895</v>
      </c>
      <c r="E52" s="130">
        <v>3075</v>
      </c>
      <c r="F52" s="130">
        <v>3779</v>
      </c>
      <c r="G52" s="130">
        <v>41</v>
      </c>
      <c r="H52" s="130">
        <v>5948</v>
      </c>
      <c r="I52" s="130">
        <v>2614</v>
      </c>
      <c r="J52" s="130">
        <v>3262</v>
      </c>
      <c r="K52" s="137">
        <v>72</v>
      </c>
    </row>
    <row r="53" spans="1:11" ht="10.5" customHeight="1">
      <c r="A53" s="9"/>
      <c r="B53" s="115" t="s">
        <v>121</v>
      </c>
      <c r="C53" s="49"/>
      <c r="D53" s="130">
        <v>6624</v>
      </c>
      <c r="E53" s="130">
        <v>2871</v>
      </c>
      <c r="F53" s="130">
        <v>3654</v>
      </c>
      <c r="G53" s="130">
        <v>99</v>
      </c>
      <c r="H53" s="130">
        <v>6100</v>
      </c>
      <c r="I53" s="130">
        <v>2671</v>
      </c>
      <c r="J53" s="130">
        <v>3268</v>
      </c>
      <c r="K53" s="137">
        <v>161</v>
      </c>
    </row>
    <row r="54" spans="1:11" ht="10.5" customHeight="1">
      <c r="A54" s="9"/>
      <c r="B54" s="115" t="s">
        <v>122</v>
      </c>
      <c r="C54" s="49"/>
      <c r="D54" s="130">
        <v>1390</v>
      </c>
      <c r="E54" s="130">
        <v>585</v>
      </c>
      <c r="F54" s="130">
        <v>798</v>
      </c>
      <c r="G54" s="130">
        <v>7</v>
      </c>
      <c r="H54" s="130">
        <v>1347</v>
      </c>
      <c r="I54" s="130">
        <v>570</v>
      </c>
      <c r="J54" s="130">
        <v>765</v>
      </c>
      <c r="K54" s="137">
        <v>12</v>
      </c>
    </row>
    <row r="55" spans="1:11" ht="10.5" customHeight="1">
      <c r="A55" s="9"/>
      <c r="B55" s="115" t="s">
        <v>123</v>
      </c>
      <c r="C55" s="49"/>
      <c r="D55" s="130">
        <v>4059</v>
      </c>
      <c r="E55" s="130">
        <v>1703</v>
      </c>
      <c r="F55" s="130">
        <v>2217</v>
      </c>
      <c r="G55" s="130">
        <v>139</v>
      </c>
      <c r="H55" s="130">
        <v>3840</v>
      </c>
      <c r="I55" s="130">
        <v>1457</v>
      </c>
      <c r="J55" s="130">
        <v>2170</v>
      </c>
      <c r="K55" s="137">
        <v>213</v>
      </c>
    </row>
    <row r="56" spans="1:11" ht="10.5" customHeight="1">
      <c r="A56" s="9"/>
      <c r="B56" s="115" t="s">
        <v>124</v>
      </c>
      <c r="C56" s="49"/>
      <c r="D56" s="130">
        <v>1128</v>
      </c>
      <c r="E56" s="130">
        <v>619</v>
      </c>
      <c r="F56" s="130">
        <v>492</v>
      </c>
      <c r="G56" s="130">
        <v>17</v>
      </c>
      <c r="H56" s="130">
        <v>1174</v>
      </c>
      <c r="I56" s="130">
        <v>585</v>
      </c>
      <c r="J56" s="130">
        <v>577</v>
      </c>
      <c r="K56" s="137">
        <v>12</v>
      </c>
    </row>
    <row r="57" spans="1:11" ht="10.5" customHeight="1">
      <c r="A57" s="9"/>
      <c r="B57" s="115" t="s">
        <v>125</v>
      </c>
      <c r="C57" s="49"/>
      <c r="D57" s="130">
        <v>2226</v>
      </c>
      <c r="E57" s="130">
        <v>866</v>
      </c>
      <c r="F57" s="130">
        <v>1329</v>
      </c>
      <c r="G57" s="130">
        <v>31</v>
      </c>
      <c r="H57" s="130">
        <v>1892</v>
      </c>
      <c r="I57" s="130">
        <v>755</v>
      </c>
      <c r="J57" s="130">
        <v>1109</v>
      </c>
      <c r="K57" s="137">
        <v>28</v>
      </c>
    </row>
    <row r="58" spans="1:11" ht="10.5" customHeight="1">
      <c r="A58" s="125"/>
      <c r="B58" s="126" t="s">
        <v>126</v>
      </c>
      <c r="C58" s="40"/>
      <c r="D58" s="127">
        <v>2209</v>
      </c>
      <c r="E58" s="127">
        <v>892</v>
      </c>
      <c r="F58" s="127">
        <v>1286</v>
      </c>
      <c r="G58" s="127">
        <v>31</v>
      </c>
      <c r="H58" s="127">
        <v>1995</v>
      </c>
      <c r="I58" s="127">
        <v>838</v>
      </c>
      <c r="J58" s="127">
        <v>1134</v>
      </c>
      <c r="K58" s="136">
        <v>23</v>
      </c>
    </row>
    <row r="59" spans="1:11" ht="10.5" customHeight="1">
      <c r="A59" s="60"/>
      <c r="B59" s="115" t="s">
        <v>127</v>
      </c>
      <c r="C59" s="49"/>
      <c r="D59" s="130">
        <v>1149</v>
      </c>
      <c r="E59" s="130">
        <v>449</v>
      </c>
      <c r="F59" s="130">
        <v>695</v>
      </c>
      <c r="G59" s="130">
        <v>5</v>
      </c>
      <c r="H59" s="130">
        <v>1046</v>
      </c>
      <c r="I59" s="130">
        <v>480</v>
      </c>
      <c r="J59" s="130">
        <v>554</v>
      </c>
      <c r="K59" s="137">
        <v>12</v>
      </c>
    </row>
    <row r="60" spans="1:11" ht="10.5" customHeight="1">
      <c r="A60" s="60"/>
      <c r="B60" s="115" t="s">
        <v>128</v>
      </c>
      <c r="C60" s="49"/>
      <c r="D60" s="130">
        <v>1060</v>
      </c>
      <c r="E60" s="130">
        <v>443</v>
      </c>
      <c r="F60" s="130">
        <v>591</v>
      </c>
      <c r="G60" s="130">
        <v>26</v>
      </c>
      <c r="H60" s="130">
        <v>949</v>
      </c>
      <c r="I60" s="130">
        <v>358</v>
      </c>
      <c r="J60" s="130">
        <v>580</v>
      </c>
      <c r="K60" s="137">
        <v>11</v>
      </c>
    </row>
    <row r="61" spans="1:11" ht="10.5" customHeight="1">
      <c r="A61" s="125"/>
      <c r="B61" s="126" t="s">
        <v>129</v>
      </c>
      <c r="C61" s="40"/>
      <c r="D61" s="127">
        <v>3197</v>
      </c>
      <c r="E61" s="127">
        <v>1590</v>
      </c>
      <c r="F61" s="127">
        <v>1568</v>
      </c>
      <c r="G61" s="127">
        <v>39</v>
      </c>
      <c r="H61" s="127">
        <v>2945</v>
      </c>
      <c r="I61" s="127">
        <v>1449</v>
      </c>
      <c r="J61" s="127">
        <v>1456</v>
      </c>
      <c r="K61" s="136">
        <v>40</v>
      </c>
    </row>
    <row r="62" spans="1:11" ht="10.5" customHeight="1">
      <c r="A62" s="60"/>
      <c r="B62" s="115" t="s">
        <v>130</v>
      </c>
      <c r="C62" s="49"/>
      <c r="D62" s="130">
        <v>308</v>
      </c>
      <c r="E62" s="130">
        <v>116</v>
      </c>
      <c r="F62" s="130">
        <v>181</v>
      </c>
      <c r="G62" s="130">
        <v>11</v>
      </c>
      <c r="H62" s="130">
        <v>330</v>
      </c>
      <c r="I62" s="130">
        <v>135</v>
      </c>
      <c r="J62" s="130">
        <v>185</v>
      </c>
      <c r="K62" s="137">
        <v>10</v>
      </c>
    </row>
    <row r="63" spans="1:11" ht="10.5" customHeight="1">
      <c r="A63" s="60"/>
      <c r="B63" s="115" t="s">
        <v>131</v>
      </c>
      <c r="C63" s="49"/>
      <c r="D63" s="130">
        <v>776</v>
      </c>
      <c r="E63" s="130">
        <v>224</v>
      </c>
      <c r="F63" s="130">
        <v>534</v>
      </c>
      <c r="G63" s="130">
        <v>18</v>
      </c>
      <c r="H63" s="130">
        <v>577</v>
      </c>
      <c r="I63" s="130">
        <v>207</v>
      </c>
      <c r="J63" s="130">
        <v>350</v>
      </c>
      <c r="K63" s="137">
        <v>20</v>
      </c>
    </row>
    <row r="64" spans="1:11" ht="10.5" customHeight="1">
      <c r="A64" s="60"/>
      <c r="B64" s="115" t="s">
        <v>132</v>
      </c>
      <c r="C64" s="49"/>
      <c r="D64" s="130">
        <v>1057</v>
      </c>
      <c r="E64" s="130">
        <v>833</v>
      </c>
      <c r="F64" s="130">
        <v>221</v>
      </c>
      <c r="G64" s="130">
        <v>3</v>
      </c>
      <c r="H64" s="130">
        <v>1109</v>
      </c>
      <c r="I64" s="130">
        <v>786</v>
      </c>
      <c r="J64" s="130">
        <v>317</v>
      </c>
      <c r="K64" s="137">
        <v>6</v>
      </c>
    </row>
    <row r="65" spans="1:11" ht="10.5" customHeight="1">
      <c r="A65" s="60"/>
      <c r="B65" s="115" t="s">
        <v>133</v>
      </c>
      <c r="C65" s="49"/>
      <c r="D65" s="130">
        <v>260</v>
      </c>
      <c r="E65" s="130">
        <v>128</v>
      </c>
      <c r="F65" s="130">
        <v>129</v>
      </c>
      <c r="G65" s="130">
        <v>3</v>
      </c>
      <c r="H65" s="130">
        <v>260</v>
      </c>
      <c r="I65" s="130">
        <v>91</v>
      </c>
      <c r="J65" s="130">
        <v>165</v>
      </c>
      <c r="K65" s="137">
        <v>4</v>
      </c>
    </row>
    <row r="66" spans="1:11" ht="10.5" customHeight="1">
      <c r="A66" s="60"/>
      <c r="B66" s="115" t="s">
        <v>134</v>
      </c>
      <c r="C66" s="49"/>
      <c r="D66" s="130">
        <v>796</v>
      </c>
      <c r="E66" s="130">
        <v>289</v>
      </c>
      <c r="F66" s="130">
        <v>503</v>
      </c>
      <c r="G66" s="130">
        <v>4</v>
      </c>
      <c r="H66" s="130">
        <v>669</v>
      </c>
      <c r="I66" s="130">
        <v>230</v>
      </c>
      <c r="J66" s="130">
        <v>439</v>
      </c>
      <c r="K66" s="137">
        <v>0</v>
      </c>
    </row>
    <row r="67" spans="1:11" ht="10.5" customHeight="1">
      <c r="A67" s="125"/>
      <c r="B67" s="126" t="s">
        <v>135</v>
      </c>
      <c r="C67" s="40"/>
      <c r="D67" s="127">
        <v>2998</v>
      </c>
      <c r="E67" s="127">
        <v>1832</v>
      </c>
      <c r="F67" s="127">
        <v>772</v>
      </c>
      <c r="G67" s="127">
        <v>394</v>
      </c>
      <c r="H67" s="127">
        <v>2795</v>
      </c>
      <c r="I67" s="127">
        <v>1475</v>
      </c>
      <c r="J67" s="127">
        <v>1150</v>
      </c>
      <c r="K67" s="136">
        <v>170</v>
      </c>
    </row>
    <row r="68" spans="1:11" ht="10.5" customHeight="1">
      <c r="A68" s="60"/>
      <c r="B68" s="115" t="s">
        <v>136</v>
      </c>
      <c r="C68" s="49"/>
      <c r="D68" s="130">
        <v>1530</v>
      </c>
      <c r="E68" s="130">
        <v>838</v>
      </c>
      <c r="F68" s="130">
        <v>316</v>
      </c>
      <c r="G68" s="130">
        <v>376</v>
      </c>
      <c r="H68" s="130">
        <v>1341</v>
      </c>
      <c r="I68" s="130">
        <v>696</v>
      </c>
      <c r="J68" s="130">
        <v>484</v>
      </c>
      <c r="K68" s="137">
        <v>161</v>
      </c>
    </row>
    <row r="69" spans="1:11" ht="10.5" customHeight="1">
      <c r="A69" s="60"/>
      <c r="B69" s="115" t="s">
        <v>137</v>
      </c>
      <c r="C69" s="49"/>
      <c r="D69" s="130">
        <v>208</v>
      </c>
      <c r="E69" s="130">
        <v>94</v>
      </c>
      <c r="F69" s="130">
        <v>113</v>
      </c>
      <c r="G69" s="130">
        <v>1</v>
      </c>
      <c r="H69" s="130">
        <v>249</v>
      </c>
      <c r="I69" s="130">
        <v>98</v>
      </c>
      <c r="J69" s="130">
        <v>150</v>
      </c>
      <c r="K69" s="137">
        <v>1</v>
      </c>
    </row>
    <row r="70" spans="1:11" ht="10.5" customHeight="1">
      <c r="A70" s="60"/>
      <c r="B70" s="115" t="s">
        <v>138</v>
      </c>
      <c r="C70" s="49"/>
      <c r="D70" s="130">
        <v>1260</v>
      </c>
      <c r="E70" s="130">
        <v>900</v>
      </c>
      <c r="F70" s="130">
        <v>343</v>
      </c>
      <c r="G70" s="130">
        <v>17</v>
      </c>
      <c r="H70" s="130">
        <v>1205</v>
      </c>
      <c r="I70" s="130">
        <v>681</v>
      </c>
      <c r="J70" s="130">
        <v>516</v>
      </c>
      <c r="K70" s="137">
        <v>8</v>
      </c>
    </row>
    <row r="71" spans="1:11" ht="10.5" customHeight="1">
      <c r="A71" s="125"/>
      <c r="B71" s="126" t="s">
        <v>139</v>
      </c>
      <c r="C71" s="40"/>
      <c r="D71" s="127">
        <v>2008</v>
      </c>
      <c r="E71" s="127">
        <v>983</v>
      </c>
      <c r="F71" s="127">
        <v>971</v>
      </c>
      <c r="G71" s="127">
        <v>54</v>
      </c>
      <c r="H71" s="127">
        <v>1804</v>
      </c>
      <c r="I71" s="127">
        <v>692</v>
      </c>
      <c r="J71" s="127">
        <v>1027</v>
      </c>
      <c r="K71" s="136">
        <v>85</v>
      </c>
    </row>
    <row r="72" spans="1:11" ht="10.5" customHeight="1">
      <c r="A72" s="60"/>
      <c r="B72" s="115" t="s">
        <v>140</v>
      </c>
      <c r="C72" s="49"/>
      <c r="D72" s="130">
        <v>1913</v>
      </c>
      <c r="E72" s="130">
        <v>938</v>
      </c>
      <c r="F72" s="130">
        <v>921</v>
      </c>
      <c r="G72" s="130">
        <v>54</v>
      </c>
      <c r="H72" s="130">
        <v>1682</v>
      </c>
      <c r="I72" s="130">
        <v>655</v>
      </c>
      <c r="J72" s="130">
        <v>943</v>
      </c>
      <c r="K72" s="137">
        <v>84</v>
      </c>
    </row>
    <row r="73" spans="1:11" ht="10.5" customHeight="1" thickBot="1">
      <c r="A73" s="133"/>
      <c r="B73" s="138" t="s">
        <v>141</v>
      </c>
      <c r="C73" s="139"/>
      <c r="D73" s="140">
        <v>95</v>
      </c>
      <c r="E73" s="140">
        <v>45</v>
      </c>
      <c r="F73" s="140">
        <v>50</v>
      </c>
      <c r="G73" s="140">
        <v>0</v>
      </c>
      <c r="H73" s="140">
        <v>122</v>
      </c>
      <c r="I73" s="140">
        <v>37</v>
      </c>
      <c r="J73" s="140">
        <v>84</v>
      </c>
      <c r="K73" s="141">
        <v>1</v>
      </c>
    </row>
    <row r="74" spans="1:11" ht="13.5" customHeight="1">
      <c r="A74" s="1" t="s">
        <v>147</v>
      </c>
      <c r="B74" s="142"/>
      <c r="C74" s="142"/>
      <c r="D74" s="142"/>
      <c r="E74" s="142"/>
      <c r="F74" s="142"/>
      <c r="G74" s="142"/>
      <c r="H74" s="142"/>
      <c r="I74" s="142"/>
      <c r="J74" s="142"/>
    </row>
    <row r="75" spans="1:11" ht="15" customHeight="1"/>
  </sheetData>
  <mergeCells count="6"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9" orientation="portrait" r:id="rId1"/>
  <headerFooter>
    <oddFooter>&amp;C&amp;"HGPｺﾞｼｯｸM,ﾒﾃﾞｨｳﾑ"&amp;9- 19 -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/>
  <dimension ref="A1:V74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2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18.75" customHeight="1">
      <c r="A1" s="206" t="s">
        <v>148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22" ht="15" customHeight="1" thickBot="1">
      <c r="A2" s="207" t="s">
        <v>149</v>
      </c>
      <c r="B2" s="207"/>
      <c r="C2" s="207"/>
      <c r="I2" s="242"/>
      <c r="J2" s="242"/>
      <c r="K2" s="242"/>
    </row>
    <row r="3" spans="1:22" ht="15" customHeight="1">
      <c r="A3" s="208" t="s">
        <v>72</v>
      </c>
      <c r="B3" s="209"/>
      <c r="C3" s="209"/>
      <c r="D3" s="220" t="s">
        <v>226</v>
      </c>
      <c r="E3" s="209"/>
      <c r="F3" s="209"/>
      <c r="G3" s="250"/>
      <c r="H3" s="220" t="s">
        <v>227</v>
      </c>
      <c r="I3" s="209"/>
      <c r="J3" s="209"/>
      <c r="K3" s="251"/>
    </row>
    <row r="4" spans="1:22" ht="15" customHeight="1">
      <c r="A4" s="212"/>
      <c r="B4" s="213"/>
      <c r="C4" s="213"/>
      <c r="D4" s="7" t="s">
        <v>150</v>
      </c>
      <c r="E4" s="7" t="s">
        <v>151</v>
      </c>
      <c r="F4" s="7" t="s">
        <v>152</v>
      </c>
      <c r="G4" s="7" t="s">
        <v>5</v>
      </c>
      <c r="H4" s="7" t="s">
        <v>153</v>
      </c>
      <c r="I4" s="7" t="s">
        <v>151</v>
      </c>
      <c r="J4" s="7" t="s">
        <v>152</v>
      </c>
      <c r="K4" s="65" t="s">
        <v>5</v>
      </c>
    </row>
    <row r="5" spans="1:22" ht="10.5" customHeight="1">
      <c r="A5" s="9"/>
      <c r="B5" s="115"/>
      <c r="C5" s="49"/>
      <c r="D5" s="12" t="s">
        <v>10</v>
      </c>
      <c r="E5" s="12" t="s">
        <v>10</v>
      </c>
      <c r="F5" s="12" t="s">
        <v>10</v>
      </c>
      <c r="G5" s="12" t="s">
        <v>12</v>
      </c>
      <c r="H5" s="12" t="s">
        <v>10</v>
      </c>
      <c r="I5" s="12" t="s">
        <v>10</v>
      </c>
      <c r="J5" s="12" t="s">
        <v>10</v>
      </c>
      <c r="K5" s="14" t="s">
        <v>12</v>
      </c>
    </row>
    <row r="6" spans="1:22" ht="10.5" customHeight="1">
      <c r="A6" s="116"/>
      <c r="B6" s="117" t="s">
        <v>76</v>
      </c>
      <c r="C6" s="17"/>
      <c r="D6" s="18">
        <v>9227901</v>
      </c>
      <c r="E6" s="18">
        <v>4574834</v>
      </c>
      <c r="F6" s="18">
        <v>4653067</v>
      </c>
      <c r="G6" s="18">
        <v>4310944</v>
      </c>
      <c r="H6" s="18">
        <v>9221929</v>
      </c>
      <c r="I6" s="18">
        <v>4571575</v>
      </c>
      <c r="J6" s="18">
        <v>4650354</v>
      </c>
      <c r="K6" s="134">
        <v>4309169</v>
      </c>
    </row>
    <row r="7" spans="1:22" s="30" customFormat="1" ht="10.5" customHeight="1">
      <c r="A7" s="120"/>
      <c r="B7" s="121" t="s">
        <v>77</v>
      </c>
      <c r="C7" s="33"/>
      <c r="D7" s="122">
        <v>8942186</v>
      </c>
      <c r="E7" s="122">
        <v>4434382</v>
      </c>
      <c r="F7" s="122">
        <v>4507804</v>
      </c>
      <c r="G7" s="122">
        <v>4188016</v>
      </c>
      <c r="H7" s="122">
        <v>8936435</v>
      </c>
      <c r="I7" s="122">
        <v>4431256</v>
      </c>
      <c r="J7" s="122">
        <v>4505179</v>
      </c>
      <c r="K7" s="135">
        <v>4186273</v>
      </c>
      <c r="S7" s="31"/>
      <c r="T7" s="31"/>
      <c r="U7" s="31"/>
      <c r="V7" s="31"/>
    </row>
    <row r="8" spans="1:22" s="30" customFormat="1" ht="10.5" customHeight="1">
      <c r="A8" s="120"/>
      <c r="B8" s="121" t="s">
        <v>78</v>
      </c>
      <c r="C8" s="33"/>
      <c r="D8" s="122">
        <v>285715</v>
      </c>
      <c r="E8" s="122">
        <v>140452</v>
      </c>
      <c r="F8" s="122">
        <v>145263</v>
      </c>
      <c r="G8" s="122">
        <v>122928</v>
      </c>
      <c r="H8" s="122">
        <v>285494</v>
      </c>
      <c r="I8" s="122">
        <v>140319</v>
      </c>
      <c r="J8" s="122">
        <v>145175</v>
      </c>
      <c r="K8" s="135">
        <v>122896</v>
      </c>
      <c r="S8" s="31"/>
      <c r="T8" s="31"/>
      <c r="U8" s="31"/>
      <c r="V8" s="31"/>
    </row>
    <row r="9" spans="1:22" ht="10.5" customHeight="1">
      <c r="A9" s="125"/>
      <c r="B9" s="126" t="s">
        <v>79</v>
      </c>
      <c r="C9" s="40"/>
      <c r="D9" s="127">
        <v>3769595</v>
      </c>
      <c r="E9" s="127">
        <v>1859476</v>
      </c>
      <c r="F9" s="127">
        <v>1910119</v>
      </c>
      <c r="G9" s="127">
        <v>1782399</v>
      </c>
      <c r="H9" s="127">
        <v>3766999</v>
      </c>
      <c r="I9" s="127">
        <v>1858059</v>
      </c>
      <c r="J9" s="127">
        <v>1908940</v>
      </c>
      <c r="K9" s="136">
        <v>1781426</v>
      </c>
    </row>
    <row r="10" spans="1:22" ht="10.5" customHeight="1">
      <c r="A10" s="60"/>
      <c r="B10" s="115" t="s">
        <v>80</v>
      </c>
      <c r="C10" s="49"/>
      <c r="D10" s="130">
        <v>294981</v>
      </c>
      <c r="E10" s="130">
        <v>152050</v>
      </c>
      <c r="F10" s="130">
        <v>142931</v>
      </c>
      <c r="G10" s="130">
        <v>146436</v>
      </c>
      <c r="H10" s="130">
        <v>294898</v>
      </c>
      <c r="I10" s="130">
        <v>152001</v>
      </c>
      <c r="J10" s="130">
        <v>142897</v>
      </c>
      <c r="K10" s="137">
        <v>146467</v>
      </c>
    </row>
    <row r="11" spans="1:22" ht="10.5" customHeight="1">
      <c r="A11" s="60"/>
      <c r="B11" s="115" t="s">
        <v>81</v>
      </c>
      <c r="C11" s="49"/>
      <c r="D11" s="130">
        <v>248878</v>
      </c>
      <c r="E11" s="130">
        <v>126867</v>
      </c>
      <c r="F11" s="130">
        <v>122011</v>
      </c>
      <c r="G11" s="130">
        <v>132168</v>
      </c>
      <c r="H11" s="130">
        <v>248685</v>
      </c>
      <c r="I11" s="130">
        <v>126755</v>
      </c>
      <c r="J11" s="130">
        <v>121930</v>
      </c>
      <c r="K11" s="137">
        <v>132054</v>
      </c>
    </row>
    <row r="12" spans="1:22" ht="10.5" customHeight="1">
      <c r="A12" s="60"/>
      <c r="B12" s="115" t="s">
        <v>82</v>
      </c>
      <c r="C12" s="49"/>
      <c r="D12" s="130">
        <v>105634</v>
      </c>
      <c r="E12" s="130">
        <v>53325</v>
      </c>
      <c r="F12" s="130">
        <v>52309</v>
      </c>
      <c r="G12" s="130">
        <v>58309</v>
      </c>
      <c r="H12" s="130">
        <v>105617</v>
      </c>
      <c r="I12" s="130">
        <v>53334</v>
      </c>
      <c r="J12" s="130">
        <v>52283</v>
      </c>
      <c r="K12" s="137">
        <v>58291</v>
      </c>
    </row>
    <row r="13" spans="1:22" ht="10.5" customHeight="1">
      <c r="A13" s="60"/>
      <c r="B13" s="115" t="s">
        <v>83</v>
      </c>
      <c r="C13" s="49"/>
      <c r="D13" s="130">
        <v>151031</v>
      </c>
      <c r="E13" s="130">
        <v>76669</v>
      </c>
      <c r="F13" s="130">
        <v>74362</v>
      </c>
      <c r="G13" s="130">
        <v>86306</v>
      </c>
      <c r="H13" s="130">
        <v>150971</v>
      </c>
      <c r="I13" s="130">
        <v>76591</v>
      </c>
      <c r="J13" s="130">
        <v>74380</v>
      </c>
      <c r="K13" s="137">
        <v>86283</v>
      </c>
    </row>
    <row r="14" spans="1:22" ht="10.5" customHeight="1">
      <c r="A14" s="60"/>
      <c r="B14" s="115" t="s">
        <v>84</v>
      </c>
      <c r="C14" s="49"/>
      <c r="D14" s="130">
        <v>197430</v>
      </c>
      <c r="E14" s="130">
        <v>98398</v>
      </c>
      <c r="F14" s="130">
        <v>99032</v>
      </c>
      <c r="G14" s="130">
        <v>105833</v>
      </c>
      <c r="H14" s="130">
        <v>197259</v>
      </c>
      <c r="I14" s="130">
        <v>98311</v>
      </c>
      <c r="J14" s="130">
        <v>98948</v>
      </c>
      <c r="K14" s="137">
        <v>105754</v>
      </c>
    </row>
    <row r="15" spans="1:22" ht="10.5" customHeight="1">
      <c r="A15" s="60"/>
      <c r="B15" s="115" t="s">
        <v>85</v>
      </c>
      <c r="C15" s="49"/>
      <c r="D15" s="130">
        <v>214312</v>
      </c>
      <c r="E15" s="130">
        <v>104211</v>
      </c>
      <c r="F15" s="130">
        <v>110101</v>
      </c>
      <c r="G15" s="130">
        <v>96985</v>
      </c>
      <c r="H15" s="130">
        <v>214149</v>
      </c>
      <c r="I15" s="130">
        <v>104115</v>
      </c>
      <c r="J15" s="130">
        <v>110034</v>
      </c>
      <c r="K15" s="137">
        <v>96946</v>
      </c>
    </row>
    <row r="16" spans="1:22" ht="10.5" customHeight="1">
      <c r="A16" s="60"/>
      <c r="B16" s="115" t="s">
        <v>86</v>
      </c>
      <c r="C16" s="49"/>
      <c r="D16" s="130">
        <v>205852</v>
      </c>
      <c r="E16" s="130">
        <v>100827</v>
      </c>
      <c r="F16" s="130">
        <v>105025</v>
      </c>
      <c r="G16" s="130">
        <v>100131</v>
      </c>
      <c r="H16" s="130">
        <v>205723</v>
      </c>
      <c r="I16" s="130">
        <v>100764</v>
      </c>
      <c r="J16" s="130">
        <v>104959</v>
      </c>
      <c r="K16" s="137">
        <v>100079</v>
      </c>
    </row>
    <row r="17" spans="1:11" ht="10.5" customHeight="1">
      <c r="A17" s="60"/>
      <c r="B17" s="115" t="s">
        <v>87</v>
      </c>
      <c r="C17" s="49"/>
      <c r="D17" s="130">
        <v>242382</v>
      </c>
      <c r="E17" s="130">
        <v>116681</v>
      </c>
      <c r="F17" s="130">
        <v>125701</v>
      </c>
      <c r="G17" s="130">
        <v>107797</v>
      </c>
      <c r="H17" s="130">
        <v>242187</v>
      </c>
      <c r="I17" s="130">
        <v>116586</v>
      </c>
      <c r="J17" s="130">
        <v>125601</v>
      </c>
      <c r="K17" s="137">
        <v>107723</v>
      </c>
    </row>
    <row r="18" spans="1:11" ht="10.5" customHeight="1">
      <c r="A18" s="60"/>
      <c r="B18" s="115" t="s">
        <v>88</v>
      </c>
      <c r="C18" s="49"/>
      <c r="D18" s="130">
        <v>165450</v>
      </c>
      <c r="E18" s="130">
        <v>81371</v>
      </c>
      <c r="F18" s="130">
        <v>84079</v>
      </c>
      <c r="G18" s="130">
        <v>79419</v>
      </c>
      <c r="H18" s="130">
        <v>165321</v>
      </c>
      <c r="I18" s="130">
        <v>81313</v>
      </c>
      <c r="J18" s="130">
        <v>84008</v>
      </c>
      <c r="K18" s="137">
        <v>79395</v>
      </c>
    </row>
    <row r="19" spans="1:11" ht="10.5" customHeight="1">
      <c r="A19" s="60"/>
      <c r="B19" s="115" t="s">
        <v>89</v>
      </c>
      <c r="C19" s="49"/>
      <c r="D19" s="130">
        <v>195892</v>
      </c>
      <c r="E19" s="130">
        <v>95172</v>
      </c>
      <c r="F19" s="130">
        <v>100720</v>
      </c>
      <c r="G19" s="130">
        <v>90444</v>
      </c>
      <c r="H19" s="130">
        <v>195649</v>
      </c>
      <c r="I19" s="130">
        <v>95046</v>
      </c>
      <c r="J19" s="130">
        <v>100603</v>
      </c>
      <c r="K19" s="137">
        <v>90371</v>
      </c>
    </row>
    <row r="20" spans="1:11" ht="10.5" customHeight="1">
      <c r="A20" s="60"/>
      <c r="B20" s="115" t="s">
        <v>90</v>
      </c>
      <c r="C20" s="49"/>
      <c r="D20" s="130">
        <v>362084</v>
      </c>
      <c r="E20" s="130">
        <v>180448</v>
      </c>
      <c r="F20" s="130">
        <v>181636</v>
      </c>
      <c r="G20" s="130">
        <v>179364</v>
      </c>
      <c r="H20" s="130">
        <v>361810</v>
      </c>
      <c r="I20" s="130">
        <v>180301</v>
      </c>
      <c r="J20" s="130">
        <v>181509</v>
      </c>
      <c r="K20" s="137">
        <v>179169</v>
      </c>
    </row>
    <row r="21" spans="1:11" ht="10.5" customHeight="1">
      <c r="A21" s="60"/>
      <c r="B21" s="115" t="s">
        <v>91</v>
      </c>
      <c r="C21" s="49"/>
      <c r="D21" s="130">
        <v>182790</v>
      </c>
      <c r="E21" s="130">
        <v>89747</v>
      </c>
      <c r="F21" s="130">
        <v>93043</v>
      </c>
      <c r="G21" s="130">
        <v>80890</v>
      </c>
      <c r="H21" s="130">
        <v>182554</v>
      </c>
      <c r="I21" s="130">
        <v>89638</v>
      </c>
      <c r="J21" s="130">
        <v>92916</v>
      </c>
      <c r="K21" s="137">
        <v>80779</v>
      </c>
    </row>
    <row r="22" spans="1:11" ht="10.5" customHeight="1">
      <c r="A22" s="60"/>
      <c r="B22" s="115" t="s">
        <v>92</v>
      </c>
      <c r="C22" s="49"/>
      <c r="D22" s="130">
        <v>310471</v>
      </c>
      <c r="E22" s="130">
        <v>149751</v>
      </c>
      <c r="F22" s="130">
        <v>160720</v>
      </c>
      <c r="G22" s="130">
        <v>135233</v>
      </c>
      <c r="H22" s="130">
        <v>310271</v>
      </c>
      <c r="I22" s="130">
        <v>149672</v>
      </c>
      <c r="J22" s="130">
        <v>160599</v>
      </c>
      <c r="K22" s="137">
        <v>135157</v>
      </c>
    </row>
    <row r="23" spans="1:11" ht="10.5" customHeight="1">
      <c r="A23" s="60"/>
      <c r="B23" s="115" t="s">
        <v>93</v>
      </c>
      <c r="C23" s="49"/>
      <c r="D23" s="130">
        <v>214886</v>
      </c>
      <c r="E23" s="130">
        <v>105216</v>
      </c>
      <c r="F23" s="130">
        <v>109670</v>
      </c>
      <c r="G23" s="130">
        <v>87330</v>
      </c>
      <c r="H23" s="130">
        <v>214941</v>
      </c>
      <c r="I23" s="130">
        <v>105231</v>
      </c>
      <c r="J23" s="130">
        <v>109710</v>
      </c>
      <c r="K23" s="137">
        <v>87350</v>
      </c>
    </row>
    <row r="24" spans="1:11" ht="10.5" customHeight="1">
      <c r="A24" s="60"/>
      <c r="B24" s="115" t="s">
        <v>94</v>
      </c>
      <c r="C24" s="49"/>
      <c r="D24" s="130">
        <v>283515</v>
      </c>
      <c r="E24" s="130">
        <v>138028</v>
      </c>
      <c r="F24" s="130">
        <v>145487</v>
      </c>
      <c r="G24" s="130">
        <v>124348</v>
      </c>
      <c r="H24" s="130">
        <v>283295</v>
      </c>
      <c r="I24" s="130">
        <v>137917</v>
      </c>
      <c r="J24" s="130">
        <v>145378</v>
      </c>
      <c r="K24" s="137">
        <v>124270</v>
      </c>
    </row>
    <row r="25" spans="1:11" ht="10.5" customHeight="1">
      <c r="A25" s="60"/>
      <c r="B25" s="115" t="s">
        <v>95</v>
      </c>
      <c r="C25" s="49"/>
      <c r="D25" s="130">
        <v>120974</v>
      </c>
      <c r="E25" s="130">
        <v>58782</v>
      </c>
      <c r="F25" s="130">
        <v>62192</v>
      </c>
      <c r="G25" s="130">
        <v>54076</v>
      </c>
      <c r="H25" s="130">
        <v>120829</v>
      </c>
      <c r="I25" s="130">
        <v>58665</v>
      </c>
      <c r="J25" s="130">
        <v>62164</v>
      </c>
      <c r="K25" s="137">
        <v>53984</v>
      </c>
    </row>
    <row r="26" spans="1:11" ht="10.5" customHeight="1">
      <c r="A26" s="60"/>
      <c r="B26" s="115" t="s">
        <v>96</v>
      </c>
      <c r="C26" s="49"/>
      <c r="D26" s="130">
        <v>151417</v>
      </c>
      <c r="E26" s="130">
        <v>73211</v>
      </c>
      <c r="F26" s="130">
        <v>78206</v>
      </c>
      <c r="G26" s="130">
        <v>63873</v>
      </c>
      <c r="H26" s="130">
        <v>151295</v>
      </c>
      <c r="I26" s="130">
        <v>73149</v>
      </c>
      <c r="J26" s="130">
        <v>78146</v>
      </c>
      <c r="K26" s="137">
        <v>63870</v>
      </c>
    </row>
    <row r="27" spans="1:11" ht="10.5" customHeight="1">
      <c r="A27" s="60"/>
      <c r="B27" s="115" t="s">
        <v>97</v>
      </c>
      <c r="C27" s="49"/>
      <c r="D27" s="130">
        <v>121616</v>
      </c>
      <c r="E27" s="130">
        <v>58722</v>
      </c>
      <c r="F27" s="130">
        <v>62894</v>
      </c>
      <c r="G27" s="130">
        <v>53457</v>
      </c>
      <c r="H27" s="130">
        <v>121545</v>
      </c>
      <c r="I27" s="130">
        <v>58670</v>
      </c>
      <c r="J27" s="130">
        <v>62875</v>
      </c>
      <c r="K27" s="137">
        <v>53484</v>
      </c>
    </row>
    <row r="28" spans="1:11" ht="10.5" customHeight="1">
      <c r="A28" s="125"/>
      <c r="B28" s="126" t="s">
        <v>98</v>
      </c>
      <c r="C28" s="40"/>
      <c r="D28" s="127">
        <v>1540516</v>
      </c>
      <c r="E28" s="127">
        <v>775021</v>
      </c>
      <c r="F28" s="127">
        <v>765495</v>
      </c>
      <c r="G28" s="127">
        <v>762705</v>
      </c>
      <c r="H28" s="127">
        <v>1539747</v>
      </c>
      <c r="I28" s="127">
        <v>774625</v>
      </c>
      <c r="J28" s="127">
        <v>765122</v>
      </c>
      <c r="K28" s="136">
        <v>762414</v>
      </c>
    </row>
    <row r="29" spans="1:11" ht="10.5" customHeight="1">
      <c r="A29" s="60"/>
      <c r="B29" s="115" t="s">
        <v>99</v>
      </c>
      <c r="C29" s="49"/>
      <c r="D29" s="130">
        <v>230018</v>
      </c>
      <c r="E29" s="130">
        <v>123565</v>
      </c>
      <c r="F29" s="130">
        <v>106453</v>
      </c>
      <c r="G29" s="130">
        <v>124359</v>
      </c>
      <c r="H29" s="130">
        <v>229845</v>
      </c>
      <c r="I29" s="130">
        <v>123471</v>
      </c>
      <c r="J29" s="130">
        <v>106374</v>
      </c>
      <c r="K29" s="137">
        <v>124280</v>
      </c>
    </row>
    <row r="30" spans="1:11" ht="10.5" customHeight="1">
      <c r="A30" s="60"/>
      <c r="B30" s="115" t="s">
        <v>100</v>
      </c>
      <c r="C30" s="49"/>
      <c r="D30" s="130">
        <v>171590</v>
      </c>
      <c r="E30" s="130">
        <v>86690</v>
      </c>
      <c r="F30" s="130">
        <v>84900</v>
      </c>
      <c r="G30" s="130">
        <v>81332</v>
      </c>
      <c r="H30" s="130">
        <v>171507</v>
      </c>
      <c r="I30" s="130">
        <v>86667</v>
      </c>
      <c r="J30" s="130">
        <v>84840</v>
      </c>
      <c r="K30" s="137">
        <v>81326</v>
      </c>
    </row>
    <row r="31" spans="1:11" ht="10.5" customHeight="1">
      <c r="A31" s="60"/>
      <c r="B31" s="115" t="s">
        <v>101</v>
      </c>
      <c r="C31" s="49"/>
      <c r="D31" s="130">
        <v>265219</v>
      </c>
      <c r="E31" s="130">
        <v>134008</v>
      </c>
      <c r="F31" s="130">
        <v>131211</v>
      </c>
      <c r="G31" s="130">
        <v>137547</v>
      </c>
      <c r="H31" s="130">
        <v>265111</v>
      </c>
      <c r="I31" s="130">
        <v>133919</v>
      </c>
      <c r="J31" s="130">
        <v>131192</v>
      </c>
      <c r="K31" s="137">
        <v>137517</v>
      </c>
    </row>
    <row r="32" spans="1:11" ht="10.5" customHeight="1">
      <c r="A32" s="60"/>
      <c r="B32" s="115" t="s">
        <v>102</v>
      </c>
      <c r="C32" s="49"/>
      <c r="D32" s="130">
        <v>233880</v>
      </c>
      <c r="E32" s="130">
        <v>115705</v>
      </c>
      <c r="F32" s="130">
        <v>118175</v>
      </c>
      <c r="G32" s="130">
        <v>115732</v>
      </c>
      <c r="H32" s="130">
        <v>233812</v>
      </c>
      <c r="I32" s="130">
        <v>115666</v>
      </c>
      <c r="J32" s="130">
        <v>118146</v>
      </c>
      <c r="K32" s="137">
        <v>115718</v>
      </c>
    </row>
    <row r="33" spans="1:11" ht="10.5" customHeight="1">
      <c r="A33" s="60"/>
      <c r="B33" s="115" t="s">
        <v>103</v>
      </c>
      <c r="C33" s="49"/>
      <c r="D33" s="130">
        <v>234828</v>
      </c>
      <c r="E33" s="130">
        <v>113670</v>
      </c>
      <c r="F33" s="130">
        <v>121158</v>
      </c>
      <c r="G33" s="130">
        <v>105068</v>
      </c>
      <c r="H33" s="130">
        <v>234689</v>
      </c>
      <c r="I33" s="130">
        <v>113568</v>
      </c>
      <c r="J33" s="130">
        <v>121121</v>
      </c>
      <c r="K33" s="137">
        <v>105028</v>
      </c>
    </row>
    <row r="34" spans="1:11" ht="10.5" customHeight="1">
      <c r="A34" s="60"/>
      <c r="B34" s="115" t="s">
        <v>104</v>
      </c>
      <c r="C34" s="49"/>
      <c r="D34" s="130">
        <v>224176</v>
      </c>
      <c r="E34" s="130">
        <v>114106</v>
      </c>
      <c r="F34" s="130">
        <v>110070</v>
      </c>
      <c r="G34" s="130">
        <v>117527</v>
      </c>
      <c r="H34" s="130">
        <v>224100</v>
      </c>
      <c r="I34" s="130">
        <v>114106</v>
      </c>
      <c r="J34" s="130">
        <v>109994</v>
      </c>
      <c r="K34" s="137">
        <v>117453</v>
      </c>
    </row>
    <row r="35" spans="1:11" ht="10.5" customHeight="1">
      <c r="A35" s="60"/>
      <c r="B35" s="115" t="s">
        <v>105</v>
      </c>
      <c r="C35" s="49"/>
      <c r="D35" s="130">
        <v>180805</v>
      </c>
      <c r="E35" s="130">
        <v>87277</v>
      </c>
      <c r="F35" s="130">
        <v>93528</v>
      </c>
      <c r="G35" s="130">
        <v>81140</v>
      </c>
      <c r="H35" s="130">
        <v>180683</v>
      </c>
      <c r="I35" s="130">
        <v>87228</v>
      </c>
      <c r="J35" s="130">
        <v>93455</v>
      </c>
      <c r="K35" s="137">
        <v>81092</v>
      </c>
    </row>
    <row r="36" spans="1:11" ht="10.5" customHeight="1">
      <c r="A36" s="125"/>
      <c r="B36" s="126" t="s">
        <v>106</v>
      </c>
      <c r="C36" s="40"/>
      <c r="D36" s="127">
        <v>726031</v>
      </c>
      <c r="E36" s="127">
        <v>361575</v>
      </c>
      <c r="F36" s="127">
        <v>364456</v>
      </c>
      <c r="G36" s="127">
        <v>342022</v>
      </c>
      <c r="H36" s="127">
        <v>725395</v>
      </c>
      <c r="I36" s="127">
        <v>361232</v>
      </c>
      <c r="J36" s="127">
        <v>364163</v>
      </c>
      <c r="K36" s="136">
        <v>341757</v>
      </c>
    </row>
    <row r="37" spans="1:11" ht="10.5" customHeight="1">
      <c r="A37" s="60"/>
      <c r="B37" s="115" t="s">
        <v>91</v>
      </c>
      <c r="C37" s="49"/>
      <c r="D37" s="130">
        <v>168690</v>
      </c>
      <c r="E37" s="130">
        <v>84776</v>
      </c>
      <c r="F37" s="130">
        <v>83914</v>
      </c>
      <c r="G37" s="130">
        <v>76582</v>
      </c>
      <c r="H37" s="130">
        <v>168479</v>
      </c>
      <c r="I37" s="130">
        <v>84646</v>
      </c>
      <c r="J37" s="130">
        <v>83833</v>
      </c>
      <c r="K37" s="137">
        <v>76496</v>
      </c>
    </row>
    <row r="38" spans="1:11" ht="10.5" customHeight="1">
      <c r="A38" s="60"/>
      <c r="B38" s="115" t="s">
        <v>107</v>
      </c>
      <c r="C38" s="49"/>
      <c r="D38" s="130">
        <v>274470</v>
      </c>
      <c r="E38" s="130">
        <v>137077</v>
      </c>
      <c r="F38" s="130">
        <v>137393</v>
      </c>
      <c r="G38" s="130">
        <v>128540</v>
      </c>
      <c r="H38" s="130">
        <v>274280</v>
      </c>
      <c r="I38" s="130">
        <v>136960</v>
      </c>
      <c r="J38" s="130">
        <v>137320</v>
      </c>
      <c r="K38" s="137">
        <v>128452</v>
      </c>
    </row>
    <row r="39" spans="1:11" ht="10.5" customHeight="1">
      <c r="A39" s="60"/>
      <c r="B39" s="115" t="s">
        <v>84</v>
      </c>
      <c r="C39" s="49"/>
      <c r="D39" s="130">
        <v>282871</v>
      </c>
      <c r="E39" s="130">
        <v>139722</v>
      </c>
      <c r="F39" s="130">
        <v>143149</v>
      </c>
      <c r="G39" s="130">
        <v>136900</v>
      </c>
      <c r="H39" s="130">
        <v>282636</v>
      </c>
      <c r="I39" s="130">
        <v>139626</v>
      </c>
      <c r="J39" s="130">
        <v>143010</v>
      </c>
      <c r="K39" s="137">
        <v>136809</v>
      </c>
    </row>
    <row r="40" spans="1:11" ht="10.5" customHeight="1">
      <c r="A40" s="9"/>
      <c r="B40" s="115" t="s">
        <v>108</v>
      </c>
      <c r="C40" s="49"/>
      <c r="D40" s="130">
        <v>378814</v>
      </c>
      <c r="E40" s="130">
        <v>188682</v>
      </c>
      <c r="F40" s="130">
        <v>190132</v>
      </c>
      <c r="G40" s="130">
        <v>165814</v>
      </c>
      <c r="H40" s="130">
        <v>378241</v>
      </c>
      <c r="I40" s="130">
        <v>188379</v>
      </c>
      <c r="J40" s="130">
        <v>189862</v>
      </c>
      <c r="K40" s="137">
        <v>165723</v>
      </c>
    </row>
    <row r="41" spans="1:11" ht="10.5" customHeight="1">
      <c r="A41" s="9"/>
      <c r="B41" s="115" t="s">
        <v>109</v>
      </c>
      <c r="C41" s="49"/>
      <c r="D41" s="130">
        <v>257649</v>
      </c>
      <c r="E41" s="130">
        <v>128538</v>
      </c>
      <c r="F41" s="130">
        <v>129111</v>
      </c>
      <c r="G41" s="130">
        <v>114942</v>
      </c>
      <c r="H41" s="130">
        <v>257475</v>
      </c>
      <c r="I41" s="130">
        <v>128424</v>
      </c>
      <c r="J41" s="130">
        <v>129051</v>
      </c>
      <c r="K41" s="137">
        <v>114891</v>
      </c>
    </row>
    <row r="42" spans="1:11" ht="10.5" customHeight="1">
      <c r="A42" s="9"/>
      <c r="B42" s="115" t="s">
        <v>110</v>
      </c>
      <c r="C42" s="49"/>
      <c r="D42" s="130">
        <v>172107</v>
      </c>
      <c r="E42" s="130">
        <v>80806</v>
      </c>
      <c r="F42" s="130">
        <v>91301</v>
      </c>
      <c r="G42" s="130">
        <v>76864</v>
      </c>
      <c r="H42" s="130">
        <v>171932</v>
      </c>
      <c r="I42" s="130">
        <v>80735</v>
      </c>
      <c r="J42" s="130">
        <v>91197</v>
      </c>
      <c r="K42" s="137">
        <v>76755</v>
      </c>
    </row>
    <row r="43" spans="1:11" ht="10.5" customHeight="1">
      <c r="A43" s="9"/>
      <c r="B43" s="115" t="s">
        <v>111</v>
      </c>
      <c r="C43" s="49"/>
      <c r="D43" s="130">
        <v>443832</v>
      </c>
      <c r="E43" s="130">
        <v>218983</v>
      </c>
      <c r="F43" s="130">
        <v>224849</v>
      </c>
      <c r="G43" s="130">
        <v>200473</v>
      </c>
      <c r="H43" s="130">
        <v>443766</v>
      </c>
      <c r="I43" s="130">
        <v>218959</v>
      </c>
      <c r="J43" s="130">
        <v>224807</v>
      </c>
      <c r="K43" s="137">
        <v>200488</v>
      </c>
    </row>
    <row r="44" spans="1:11" ht="10.5" customHeight="1">
      <c r="A44" s="9"/>
      <c r="B44" s="115" t="s">
        <v>112</v>
      </c>
      <c r="C44" s="49"/>
      <c r="D44" s="130">
        <v>187166</v>
      </c>
      <c r="E44" s="130">
        <v>90525</v>
      </c>
      <c r="F44" s="130">
        <v>96641</v>
      </c>
      <c r="G44" s="130">
        <v>83788</v>
      </c>
      <c r="H44" s="130">
        <v>187058</v>
      </c>
      <c r="I44" s="130">
        <v>90478</v>
      </c>
      <c r="J44" s="130">
        <v>96580</v>
      </c>
      <c r="K44" s="137">
        <v>83793</v>
      </c>
    </row>
    <row r="45" spans="1:11" ht="10.5" customHeight="1">
      <c r="A45" s="9"/>
      <c r="B45" s="115" t="s">
        <v>113</v>
      </c>
      <c r="C45" s="49"/>
      <c r="D45" s="130">
        <v>244359</v>
      </c>
      <c r="E45" s="130">
        <v>118280</v>
      </c>
      <c r="F45" s="130">
        <v>126079</v>
      </c>
      <c r="G45" s="130">
        <v>105912</v>
      </c>
      <c r="H45" s="130">
        <v>244212</v>
      </c>
      <c r="I45" s="130">
        <v>118211</v>
      </c>
      <c r="J45" s="130">
        <v>126001</v>
      </c>
      <c r="K45" s="137">
        <v>105906</v>
      </c>
    </row>
    <row r="46" spans="1:11" ht="10.5" customHeight="1">
      <c r="A46" s="9"/>
      <c r="B46" s="115" t="s">
        <v>114</v>
      </c>
      <c r="C46" s="49"/>
      <c r="D46" s="130">
        <v>56437</v>
      </c>
      <c r="E46" s="130">
        <v>26385</v>
      </c>
      <c r="F46" s="130">
        <v>30052</v>
      </c>
      <c r="G46" s="130">
        <v>25064</v>
      </c>
      <c r="H46" s="130">
        <v>56421</v>
      </c>
      <c r="I46" s="130">
        <v>26383</v>
      </c>
      <c r="J46" s="130">
        <v>30038</v>
      </c>
      <c r="K46" s="137">
        <v>25064</v>
      </c>
    </row>
    <row r="47" spans="1:11" ht="10.5" customHeight="1">
      <c r="A47" s="9"/>
      <c r="B47" s="115" t="s">
        <v>115</v>
      </c>
      <c r="C47" s="49"/>
      <c r="D47" s="130">
        <v>40841</v>
      </c>
      <c r="E47" s="130">
        <v>19518</v>
      </c>
      <c r="F47" s="130">
        <v>21323</v>
      </c>
      <c r="G47" s="130">
        <v>17218</v>
      </c>
      <c r="H47" s="130">
        <v>40754</v>
      </c>
      <c r="I47" s="130">
        <v>19469</v>
      </c>
      <c r="J47" s="130">
        <v>21285</v>
      </c>
      <c r="K47" s="137">
        <v>17189</v>
      </c>
    </row>
    <row r="48" spans="1:11" ht="10.5" customHeight="1">
      <c r="A48" s="9"/>
      <c r="B48" s="115" t="s">
        <v>116</v>
      </c>
      <c r="C48" s="49"/>
      <c r="D48" s="130">
        <v>161610</v>
      </c>
      <c r="E48" s="130">
        <v>81653</v>
      </c>
      <c r="F48" s="130">
        <v>79957</v>
      </c>
      <c r="G48" s="130">
        <v>72169</v>
      </c>
      <c r="H48" s="130">
        <v>161427</v>
      </c>
      <c r="I48" s="130">
        <v>81517</v>
      </c>
      <c r="J48" s="130">
        <v>79910</v>
      </c>
      <c r="K48" s="137">
        <v>72114</v>
      </c>
    </row>
    <row r="49" spans="1:11" ht="10.5" customHeight="1">
      <c r="A49" s="9"/>
      <c r="B49" s="115" t="s">
        <v>117</v>
      </c>
      <c r="C49" s="49"/>
      <c r="D49" s="130">
        <v>223956</v>
      </c>
      <c r="E49" s="130">
        <v>115250</v>
      </c>
      <c r="F49" s="130">
        <v>108706</v>
      </c>
      <c r="G49" s="130">
        <v>103527</v>
      </c>
      <c r="H49" s="130">
        <v>223949</v>
      </c>
      <c r="I49" s="130">
        <v>115244</v>
      </c>
      <c r="J49" s="130">
        <v>108705</v>
      </c>
      <c r="K49" s="137">
        <v>103588</v>
      </c>
    </row>
    <row r="50" spans="1:11" ht="10.5" customHeight="1">
      <c r="A50" s="9"/>
      <c r="B50" s="115" t="s">
        <v>118</v>
      </c>
      <c r="C50" s="49"/>
      <c r="D50" s="130">
        <v>243067</v>
      </c>
      <c r="E50" s="130">
        <v>121120</v>
      </c>
      <c r="F50" s="130">
        <v>121947</v>
      </c>
      <c r="G50" s="130">
        <v>114417</v>
      </c>
      <c r="H50" s="130">
        <v>242916</v>
      </c>
      <c r="I50" s="130">
        <v>121059</v>
      </c>
      <c r="J50" s="130">
        <v>121857</v>
      </c>
      <c r="K50" s="137">
        <v>114332</v>
      </c>
    </row>
    <row r="51" spans="1:11" ht="10.5" customHeight="1">
      <c r="A51" s="9"/>
      <c r="B51" s="115" t="s">
        <v>119</v>
      </c>
      <c r="C51" s="49"/>
      <c r="D51" s="130">
        <v>101228</v>
      </c>
      <c r="E51" s="130">
        <v>51160</v>
      </c>
      <c r="F51" s="130">
        <v>50068</v>
      </c>
      <c r="G51" s="130">
        <v>46320</v>
      </c>
      <c r="H51" s="130">
        <v>101216</v>
      </c>
      <c r="I51" s="130">
        <v>51130</v>
      </c>
      <c r="J51" s="130">
        <v>50086</v>
      </c>
      <c r="K51" s="137">
        <v>46329</v>
      </c>
    </row>
    <row r="52" spans="1:11" ht="10.5" customHeight="1">
      <c r="A52" s="9"/>
      <c r="B52" s="115" t="s">
        <v>120</v>
      </c>
      <c r="C52" s="49"/>
      <c r="D52" s="130">
        <v>139538</v>
      </c>
      <c r="E52" s="130">
        <v>70047</v>
      </c>
      <c r="F52" s="130">
        <v>69491</v>
      </c>
      <c r="G52" s="130">
        <v>61027</v>
      </c>
      <c r="H52" s="130">
        <v>139575</v>
      </c>
      <c r="I52" s="130">
        <v>70075</v>
      </c>
      <c r="J52" s="130">
        <v>69500</v>
      </c>
      <c r="K52" s="137">
        <v>61093</v>
      </c>
    </row>
    <row r="53" spans="1:11" ht="10.5" customHeight="1">
      <c r="A53" s="9"/>
      <c r="B53" s="115" t="s">
        <v>121</v>
      </c>
      <c r="C53" s="49"/>
      <c r="D53" s="130">
        <v>132080</v>
      </c>
      <c r="E53" s="130">
        <v>65635</v>
      </c>
      <c r="F53" s="130">
        <v>66445</v>
      </c>
      <c r="G53" s="130">
        <v>61477</v>
      </c>
      <c r="H53" s="130">
        <v>132057</v>
      </c>
      <c r="I53" s="130">
        <v>65597</v>
      </c>
      <c r="J53" s="130">
        <v>66460</v>
      </c>
      <c r="K53" s="137">
        <v>61494</v>
      </c>
    </row>
    <row r="54" spans="1:11" ht="10.5" customHeight="1">
      <c r="A54" s="9"/>
      <c r="B54" s="115" t="s">
        <v>122</v>
      </c>
      <c r="C54" s="49"/>
      <c r="D54" s="130">
        <v>40125</v>
      </c>
      <c r="E54" s="130">
        <v>19641</v>
      </c>
      <c r="F54" s="130">
        <v>20484</v>
      </c>
      <c r="G54" s="130">
        <v>16582</v>
      </c>
      <c r="H54" s="130">
        <v>40090</v>
      </c>
      <c r="I54" s="130">
        <v>19611</v>
      </c>
      <c r="J54" s="130">
        <v>20479</v>
      </c>
      <c r="K54" s="137">
        <v>16586</v>
      </c>
    </row>
    <row r="55" spans="1:11" ht="10.5" customHeight="1">
      <c r="A55" s="9"/>
      <c r="B55" s="115" t="s">
        <v>123</v>
      </c>
      <c r="C55" s="49"/>
      <c r="D55" s="130">
        <v>83235</v>
      </c>
      <c r="E55" s="130">
        <v>42087</v>
      </c>
      <c r="F55" s="130">
        <v>41148</v>
      </c>
      <c r="G55" s="130">
        <v>35296</v>
      </c>
      <c r="H55" s="130">
        <v>83205</v>
      </c>
      <c r="I55" s="130">
        <v>42069</v>
      </c>
      <c r="J55" s="130">
        <v>41136</v>
      </c>
      <c r="K55" s="137">
        <v>35331</v>
      </c>
    </row>
    <row r="56" spans="1:11" ht="10.5" customHeight="1">
      <c r="A56" s="9"/>
      <c r="B56" s="115" t="s">
        <v>124</v>
      </c>
      <c r="C56" s="49"/>
      <c r="D56" s="130">
        <v>31414</v>
      </c>
      <c r="E56" s="130">
        <v>14748</v>
      </c>
      <c r="F56" s="130">
        <v>16666</v>
      </c>
      <c r="G56" s="130">
        <v>13132</v>
      </c>
      <c r="H56" s="130">
        <v>31379</v>
      </c>
      <c r="I56" s="130">
        <v>14725</v>
      </c>
      <c r="J56" s="130">
        <v>16654</v>
      </c>
      <c r="K56" s="137">
        <v>13114</v>
      </c>
    </row>
    <row r="57" spans="1:11" ht="10.5" customHeight="1">
      <c r="A57" s="9"/>
      <c r="B57" s="115" t="s">
        <v>125</v>
      </c>
      <c r="C57" s="49"/>
      <c r="D57" s="130">
        <v>48567</v>
      </c>
      <c r="E57" s="130">
        <v>24620</v>
      </c>
      <c r="F57" s="130">
        <v>23947</v>
      </c>
      <c r="G57" s="130">
        <v>20457</v>
      </c>
      <c r="H57" s="130">
        <v>48513</v>
      </c>
      <c r="I57" s="130">
        <v>24589</v>
      </c>
      <c r="J57" s="130">
        <v>23924</v>
      </c>
      <c r="K57" s="137">
        <v>20448</v>
      </c>
    </row>
    <row r="58" spans="1:11" ht="10.5" customHeight="1">
      <c r="A58" s="125"/>
      <c r="B58" s="126" t="s">
        <v>126</v>
      </c>
      <c r="C58" s="40"/>
      <c r="D58" s="127">
        <v>58373</v>
      </c>
      <c r="E58" s="127">
        <v>28248</v>
      </c>
      <c r="F58" s="127">
        <v>30125</v>
      </c>
      <c r="G58" s="127">
        <v>24569</v>
      </c>
      <c r="H58" s="127">
        <v>58321</v>
      </c>
      <c r="I58" s="127">
        <v>28235</v>
      </c>
      <c r="J58" s="127">
        <v>30086</v>
      </c>
      <c r="K58" s="136">
        <v>24559</v>
      </c>
    </row>
    <row r="59" spans="1:11" ht="10.5" customHeight="1">
      <c r="A59" s="60"/>
      <c r="B59" s="115" t="s">
        <v>127</v>
      </c>
      <c r="C59" s="49"/>
      <c r="D59" s="130">
        <v>31262</v>
      </c>
      <c r="E59" s="130">
        <v>15205</v>
      </c>
      <c r="F59" s="130">
        <v>16057</v>
      </c>
      <c r="G59" s="130">
        <v>12878</v>
      </c>
      <c r="H59" s="130">
        <v>31235</v>
      </c>
      <c r="I59" s="130">
        <v>15207</v>
      </c>
      <c r="J59" s="130">
        <v>16028</v>
      </c>
      <c r="K59" s="137">
        <v>12884</v>
      </c>
    </row>
    <row r="60" spans="1:11" ht="10.5" customHeight="1">
      <c r="A60" s="60"/>
      <c r="B60" s="115" t="s">
        <v>128</v>
      </c>
      <c r="C60" s="49"/>
      <c r="D60" s="130">
        <v>27111</v>
      </c>
      <c r="E60" s="130">
        <v>13043</v>
      </c>
      <c r="F60" s="130">
        <v>14068</v>
      </c>
      <c r="G60" s="130">
        <v>11691</v>
      </c>
      <c r="H60" s="130">
        <v>27086</v>
      </c>
      <c r="I60" s="130">
        <v>13028</v>
      </c>
      <c r="J60" s="130">
        <v>14058</v>
      </c>
      <c r="K60" s="137">
        <v>11675</v>
      </c>
    </row>
    <row r="61" spans="1:11" ht="10.5" customHeight="1">
      <c r="A61" s="125"/>
      <c r="B61" s="126" t="s">
        <v>129</v>
      </c>
      <c r="C61" s="40"/>
      <c r="D61" s="127">
        <v>64841</v>
      </c>
      <c r="E61" s="127">
        <v>31896</v>
      </c>
      <c r="F61" s="127">
        <v>32945</v>
      </c>
      <c r="G61" s="127">
        <v>26164</v>
      </c>
      <c r="H61" s="127">
        <v>64860</v>
      </c>
      <c r="I61" s="127">
        <v>31903</v>
      </c>
      <c r="J61" s="127">
        <v>32957</v>
      </c>
      <c r="K61" s="136">
        <v>26200</v>
      </c>
    </row>
    <row r="62" spans="1:11" ht="10.5" customHeight="1">
      <c r="A62" s="60"/>
      <c r="B62" s="115" t="s">
        <v>130</v>
      </c>
      <c r="C62" s="49"/>
      <c r="D62" s="130">
        <v>9069</v>
      </c>
      <c r="E62" s="130">
        <v>4525</v>
      </c>
      <c r="F62" s="130">
        <v>4544</v>
      </c>
      <c r="G62" s="130">
        <v>3441</v>
      </c>
      <c r="H62" s="130">
        <v>9061</v>
      </c>
      <c r="I62" s="130">
        <v>4518</v>
      </c>
      <c r="J62" s="130">
        <v>4543</v>
      </c>
      <c r="K62" s="137">
        <v>3442</v>
      </c>
    </row>
    <row r="63" spans="1:11" ht="10.5" customHeight="1">
      <c r="A63" s="60"/>
      <c r="B63" s="115" t="s">
        <v>131</v>
      </c>
      <c r="C63" s="49"/>
      <c r="D63" s="130">
        <v>17207</v>
      </c>
      <c r="E63" s="130">
        <v>8458</v>
      </c>
      <c r="F63" s="130">
        <v>8749</v>
      </c>
      <c r="G63" s="130">
        <v>6983</v>
      </c>
      <c r="H63" s="130">
        <v>17221</v>
      </c>
      <c r="I63" s="130">
        <v>8466</v>
      </c>
      <c r="J63" s="130">
        <v>8755</v>
      </c>
      <c r="K63" s="137">
        <v>6996</v>
      </c>
    </row>
    <row r="64" spans="1:11" ht="10.5" customHeight="1">
      <c r="A64" s="60"/>
      <c r="B64" s="115" t="s">
        <v>132</v>
      </c>
      <c r="C64" s="49"/>
      <c r="D64" s="130">
        <v>10474</v>
      </c>
      <c r="E64" s="130">
        <v>5193</v>
      </c>
      <c r="F64" s="130">
        <v>5281</v>
      </c>
      <c r="G64" s="130">
        <v>4547</v>
      </c>
      <c r="H64" s="130">
        <v>10475</v>
      </c>
      <c r="I64" s="130">
        <v>5190</v>
      </c>
      <c r="J64" s="130">
        <v>5285</v>
      </c>
      <c r="K64" s="137">
        <v>4550</v>
      </c>
    </row>
    <row r="65" spans="1:11" ht="10.5" customHeight="1">
      <c r="A65" s="60"/>
      <c r="B65" s="115" t="s">
        <v>133</v>
      </c>
      <c r="C65" s="49"/>
      <c r="D65" s="130">
        <v>9350</v>
      </c>
      <c r="E65" s="130">
        <v>4633</v>
      </c>
      <c r="F65" s="130">
        <v>4717</v>
      </c>
      <c r="G65" s="130">
        <v>3916</v>
      </c>
      <c r="H65" s="130">
        <v>9348</v>
      </c>
      <c r="I65" s="130">
        <v>4633</v>
      </c>
      <c r="J65" s="130">
        <v>4715</v>
      </c>
      <c r="K65" s="137">
        <v>3922</v>
      </c>
    </row>
    <row r="66" spans="1:11" ht="10.5" customHeight="1">
      <c r="A66" s="60"/>
      <c r="B66" s="115" t="s">
        <v>134</v>
      </c>
      <c r="C66" s="49"/>
      <c r="D66" s="130">
        <v>18741</v>
      </c>
      <c r="E66" s="130">
        <v>9087</v>
      </c>
      <c r="F66" s="130">
        <v>9654</v>
      </c>
      <c r="G66" s="130">
        <v>7277</v>
      </c>
      <c r="H66" s="130">
        <v>18755</v>
      </c>
      <c r="I66" s="130">
        <v>9096</v>
      </c>
      <c r="J66" s="130">
        <v>9659</v>
      </c>
      <c r="K66" s="137">
        <v>7290</v>
      </c>
    </row>
    <row r="67" spans="1:11" ht="10.5" customHeight="1">
      <c r="A67" s="125"/>
      <c r="B67" s="126" t="s">
        <v>135</v>
      </c>
      <c r="C67" s="40"/>
      <c r="D67" s="127">
        <v>40155</v>
      </c>
      <c r="E67" s="127">
        <v>18826</v>
      </c>
      <c r="F67" s="127">
        <v>21329</v>
      </c>
      <c r="G67" s="127">
        <v>20009</v>
      </c>
      <c r="H67" s="127">
        <v>40054</v>
      </c>
      <c r="I67" s="127">
        <v>18766</v>
      </c>
      <c r="J67" s="127">
        <v>21288</v>
      </c>
      <c r="K67" s="136">
        <v>19962</v>
      </c>
    </row>
    <row r="68" spans="1:11" ht="10.5" customHeight="1">
      <c r="A68" s="60"/>
      <c r="B68" s="115" t="s">
        <v>136</v>
      </c>
      <c r="C68" s="49"/>
      <c r="D68" s="130">
        <v>10895</v>
      </c>
      <c r="E68" s="130">
        <v>5226</v>
      </c>
      <c r="F68" s="130">
        <v>5669</v>
      </c>
      <c r="G68" s="130">
        <v>6285</v>
      </c>
      <c r="H68" s="130">
        <v>10877</v>
      </c>
      <c r="I68" s="130">
        <v>5217</v>
      </c>
      <c r="J68" s="130">
        <v>5660</v>
      </c>
      <c r="K68" s="137">
        <v>6265</v>
      </c>
    </row>
    <row r="69" spans="1:11" ht="10.5" customHeight="1">
      <c r="A69" s="60"/>
      <c r="B69" s="115" t="s">
        <v>137</v>
      </c>
      <c r="C69" s="49"/>
      <c r="D69" s="130">
        <v>6471</v>
      </c>
      <c r="E69" s="130">
        <v>3005</v>
      </c>
      <c r="F69" s="130">
        <v>3466</v>
      </c>
      <c r="G69" s="130">
        <v>2944</v>
      </c>
      <c r="H69" s="130">
        <v>6460</v>
      </c>
      <c r="I69" s="130">
        <v>3001</v>
      </c>
      <c r="J69" s="130">
        <v>3459</v>
      </c>
      <c r="K69" s="137">
        <v>2942</v>
      </c>
    </row>
    <row r="70" spans="1:11" ht="10.5" customHeight="1">
      <c r="A70" s="60"/>
      <c r="B70" s="115" t="s">
        <v>138</v>
      </c>
      <c r="C70" s="49"/>
      <c r="D70" s="130">
        <v>22789</v>
      </c>
      <c r="E70" s="130">
        <v>10595</v>
      </c>
      <c r="F70" s="130">
        <v>12194</v>
      </c>
      <c r="G70" s="130">
        <v>10780</v>
      </c>
      <c r="H70" s="130">
        <v>22717</v>
      </c>
      <c r="I70" s="130">
        <v>10548</v>
      </c>
      <c r="J70" s="130">
        <v>12169</v>
      </c>
      <c r="K70" s="137">
        <v>10755</v>
      </c>
    </row>
    <row r="71" spans="1:11" ht="10.5" customHeight="1">
      <c r="A71" s="125"/>
      <c r="B71" s="126" t="s">
        <v>139</v>
      </c>
      <c r="C71" s="40"/>
      <c r="D71" s="127">
        <v>42365</v>
      </c>
      <c r="E71" s="127">
        <v>22114</v>
      </c>
      <c r="F71" s="127">
        <v>20251</v>
      </c>
      <c r="G71" s="127">
        <v>18597</v>
      </c>
      <c r="H71" s="127">
        <v>42367</v>
      </c>
      <c r="I71" s="127">
        <v>22101</v>
      </c>
      <c r="J71" s="127">
        <v>20266</v>
      </c>
      <c r="K71" s="136">
        <v>18613</v>
      </c>
    </row>
    <row r="72" spans="1:11" ht="10.5" customHeight="1">
      <c r="A72" s="60"/>
      <c r="B72" s="115" t="s">
        <v>140</v>
      </c>
      <c r="C72" s="49"/>
      <c r="D72" s="130">
        <v>39403</v>
      </c>
      <c r="E72" s="130">
        <v>20606</v>
      </c>
      <c r="F72" s="130">
        <v>18797</v>
      </c>
      <c r="G72" s="130">
        <v>17466</v>
      </c>
      <c r="H72" s="130">
        <v>39409</v>
      </c>
      <c r="I72" s="130">
        <v>20591</v>
      </c>
      <c r="J72" s="130">
        <v>18818</v>
      </c>
      <c r="K72" s="137">
        <v>17478</v>
      </c>
    </row>
    <row r="73" spans="1:11" ht="10.5" customHeight="1" thickBot="1">
      <c r="A73" s="133"/>
      <c r="B73" s="138" t="s">
        <v>141</v>
      </c>
      <c r="C73" s="139"/>
      <c r="D73" s="140">
        <v>2962</v>
      </c>
      <c r="E73" s="140">
        <v>1508</v>
      </c>
      <c r="F73" s="140">
        <v>1454</v>
      </c>
      <c r="G73" s="140">
        <v>1131</v>
      </c>
      <c r="H73" s="140">
        <v>2958</v>
      </c>
      <c r="I73" s="140">
        <v>1510</v>
      </c>
      <c r="J73" s="140">
        <v>1448</v>
      </c>
      <c r="K73" s="141">
        <v>1135</v>
      </c>
    </row>
    <row r="74" spans="1:11" ht="9.75" customHeight="1"/>
  </sheetData>
  <mergeCells count="6"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  <headerFooter>
    <oddFooter>&amp;C&amp;"HGPｺﾞｼｯｸM,ﾒﾃﾞｨｳﾑ"&amp;9- 20 -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/>
  <dimension ref="A1:V74"/>
  <sheetViews>
    <sheetView view="pageBreakPreview" zoomScaleNormal="115" zoomScaleSheetLayoutView="100" workbookViewId="0">
      <selection sqref="A1:K1"/>
    </sheetView>
  </sheetViews>
  <sheetFormatPr defaultRowHeight="14.25"/>
  <cols>
    <col min="1" max="1" width="1.2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18.75" customHeight="1">
      <c r="A1" s="206" t="s">
        <v>154</v>
      </c>
      <c r="B1" s="206"/>
      <c r="C1" s="206"/>
      <c r="D1" s="206"/>
      <c r="E1" s="206"/>
      <c r="F1" s="206"/>
      <c r="G1" s="206"/>
      <c r="H1" s="206"/>
      <c r="I1" s="206"/>
      <c r="J1" s="206"/>
      <c r="K1" s="206"/>
    </row>
    <row r="2" spans="1:22" ht="15" customHeight="1" thickBot="1">
      <c r="A2" s="207" t="s">
        <v>149</v>
      </c>
      <c r="B2" s="207"/>
      <c r="C2" s="207"/>
      <c r="I2" s="242"/>
      <c r="J2" s="242"/>
      <c r="K2" s="242"/>
    </row>
    <row r="3" spans="1:22" ht="15" customHeight="1">
      <c r="A3" s="208" t="s">
        <v>72</v>
      </c>
      <c r="B3" s="209"/>
      <c r="C3" s="209"/>
      <c r="D3" s="220" t="s">
        <v>224</v>
      </c>
      <c r="E3" s="209"/>
      <c r="F3" s="209"/>
      <c r="G3" s="250"/>
      <c r="H3" s="220" t="s">
        <v>225</v>
      </c>
      <c r="I3" s="209"/>
      <c r="J3" s="209"/>
      <c r="K3" s="251"/>
    </row>
    <row r="4" spans="1:22" ht="15" customHeight="1">
      <c r="A4" s="212"/>
      <c r="B4" s="213"/>
      <c r="C4" s="213"/>
      <c r="D4" s="7" t="s">
        <v>150</v>
      </c>
      <c r="E4" s="7" t="s">
        <v>151</v>
      </c>
      <c r="F4" s="7" t="s">
        <v>152</v>
      </c>
      <c r="G4" s="7" t="s">
        <v>5</v>
      </c>
      <c r="H4" s="7" t="s">
        <v>153</v>
      </c>
      <c r="I4" s="7" t="s">
        <v>151</v>
      </c>
      <c r="J4" s="7" t="s">
        <v>152</v>
      </c>
      <c r="K4" s="65" t="s">
        <v>5</v>
      </c>
    </row>
    <row r="5" spans="1:22" ht="10.5" customHeight="1">
      <c r="A5" s="9"/>
      <c r="B5" s="115"/>
      <c r="C5" s="49"/>
      <c r="D5" s="12" t="s">
        <v>10</v>
      </c>
      <c r="E5" s="12" t="s">
        <v>10</v>
      </c>
      <c r="F5" s="12" t="s">
        <v>10</v>
      </c>
      <c r="G5" s="12" t="s">
        <v>12</v>
      </c>
      <c r="H5" s="12" t="s">
        <v>10</v>
      </c>
      <c r="I5" s="12" t="s">
        <v>10</v>
      </c>
      <c r="J5" s="12" t="s">
        <v>10</v>
      </c>
      <c r="K5" s="14" t="s">
        <v>12</v>
      </c>
    </row>
    <row r="6" spans="1:22" ht="10.5" customHeight="1">
      <c r="A6" s="116"/>
      <c r="B6" s="117" t="s">
        <v>76</v>
      </c>
      <c r="C6" s="17"/>
      <c r="D6" s="18">
        <v>9216954</v>
      </c>
      <c r="E6" s="18">
        <v>4568917</v>
      </c>
      <c r="F6" s="18">
        <v>4648037</v>
      </c>
      <c r="G6" s="18">
        <v>4308974</v>
      </c>
      <c r="H6" s="18">
        <v>9222108</v>
      </c>
      <c r="I6" s="18">
        <v>4570806</v>
      </c>
      <c r="J6" s="18">
        <v>4651302</v>
      </c>
      <c r="K6" s="134">
        <v>4329691</v>
      </c>
    </row>
    <row r="7" spans="1:22" s="30" customFormat="1" ht="10.5" customHeight="1">
      <c r="A7" s="120"/>
      <c r="B7" s="121" t="s">
        <v>77</v>
      </c>
      <c r="C7" s="33"/>
      <c r="D7" s="122">
        <v>8931591</v>
      </c>
      <c r="E7" s="122">
        <v>4428651</v>
      </c>
      <c r="F7" s="122">
        <v>4502940</v>
      </c>
      <c r="G7" s="122">
        <v>4186018</v>
      </c>
      <c r="H7" s="122">
        <v>8936985</v>
      </c>
      <c r="I7" s="122">
        <v>4430650</v>
      </c>
      <c r="J7" s="122">
        <v>4506335</v>
      </c>
      <c r="K7" s="135">
        <v>4206382</v>
      </c>
      <c r="S7" s="31"/>
      <c r="T7" s="31"/>
      <c r="U7" s="31"/>
      <c r="V7" s="31"/>
    </row>
    <row r="8" spans="1:22" s="30" customFormat="1" ht="10.5" customHeight="1">
      <c r="A8" s="120"/>
      <c r="B8" s="121" t="s">
        <v>78</v>
      </c>
      <c r="C8" s="33"/>
      <c r="D8" s="122">
        <v>285363</v>
      </c>
      <c r="E8" s="122">
        <v>140266</v>
      </c>
      <c r="F8" s="122">
        <v>145097</v>
      </c>
      <c r="G8" s="122">
        <v>122956</v>
      </c>
      <c r="H8" s="122">
        <v>285123</v>
      </c>
      <c r="I8" s="122">
        <v>140156</v>
      </c>
      <c r="J8" s="122">
        <v>144967</v>
      </c>
      <c r="K8" s="135">
        <v>123309</v>
      </c>
      <c r="S8" s="31"/>
      <c r="T8" s="31"/>
      <c r="U8" s="31"/>
      <c r="V8" s="31"/>
    </row>
    <row r="9" spans="1:22" ht="10.5" customHeight="1">
      <c r="A9" s="125"/>
      <c r="B9" s="126" t="s">
        <v>79</v>
      </c>
      <c r="C9" s="40"/>
      <c r="D9" s="127">
        <v>3765271</v>
      </c>
      <c r="E9" s="127">
        <v>1857098</v>
      </c>
      <c r="F9" s="127">
        <v>1908173</v>
      </c>
      <c r="G9" s="127">
        <v>1781461</v>
      </c>
      <c r="H9" s="127">
        <v>3768664</v>
      </c>
      <c r="I9" s="127">
        <v>1858514</v>
      </c>
      <c r="J9" s="127">
        <v>1910150</v>
      </c>
      <c r="K9" s="136">
        <v>1790597</v>
      </c>
    </row>
    <row r="10" spans="1:22" ht="10.5" customHeight="1">
      <c r="A10" s="60"/>
      <c r="B10" s="115" t="s">
        <v>80</v>
      </c>
      <c r="C10" s="49"/>
      <c r="D10" s="130">
        <v>294761</v>
      </c>
      <c r="E10" s="130">
        <v>151916</v>
      </c>
      <c r="F10" s="130">
        <v>142845</v>
      </c>
      <c r="G10" s="130">
        <v>146465</v>
      </c>
      <c r="H10" s="130">
        <v>295504</v>
      </c>
      <c r="I10" s="130">
        <v>152399</v>
      </c>
      <c r="J10" s="130">
        <v>143105</v>
      </c>
      <c r="K10" s="137">
        <v>147821</v>
      </c>
    </row>
    <row r="11" spans="1:22" ht="10.5" customHeight="1">
      <c r="A11" s="60"/>
      <c r="B11" s="115" t="s">
        <v>81</v>
      </c>
      <c r="C11" s="49"/>
      <c r="D11" s="130">
        <v>248387</v>
      </c>
      <c r="E11" s="130">
        <v>126607</v>
      </c>
      <c r="F11" s="130">
        <v>121780</v>
      </c>
      <c r="G11" s="130">
        <v>131898</v>
      </c>
      <c r="H11" s="130">
        <v>248789</v>
      </c>
      <c r="I11" s="130">
        <v>126820</v>
      </c>
      <c r="J11" s="130">
        <v>121969</v>
      </c>
      <c r="K11" s="137">
        <v>132719</v>
      </c>
    </row>
    <row r="12" spans="1:22" ht="10.5" customHeight="1">
      <c r="A12" s="60"/>
      <c r="B12" s="115" t="s">
        <v>82</v>
      </c>
      <c r="C12" s="49"/>
      <c r="D12" s="130">
        <v>105626</v>
      </c>
      <c r="E12" s="130">
        <v>53317</v>
      </c>
      <c r="F12" s="130">
        <v>52309</v>
      </c>
      <c r="G12" s="130">
        <v>58310</v>
      </c>
      <c r="H12" s="130">
        <v>106062</v>
      </c>
      <c r="I12" s="130">
        <v>53589</v>
      </c>
      <c r="J12" s="130">
        <v>52473</v>
      </c>
      <c r="K12" s="137">
        <v>58801</v>
      </c>
    </row>
    <row r="13" spans="1:22" ht="10.5" customHeight="1">
      <c r="A13" s="60"/>
      <c r="B13" s="115" t="s">
        <v>83</v>
      </c>
      <c r="C13" s="49"/>
      <c r="D13" s="130">
        <v>150935</v>
      </c>
      <c r="E13" s="130">
        <v>76535</v>
      </c>
      <c r="F13" s="130">
        <v>74400</v>
      </c>
      <c r="G13" s="130">
        <v>86310</v>
      </c>
      <c r="H13" s="130">
        <v>151052</v>
      </c>
      <c r="I13" s="130">
        <v>76571</v>
      </c>
      <c r="J13" s="130">
        <v>74481</v>
      </c>
      <c r="K13" s="137">
        <v>86632</v>
      </c>
    </row>
    <row r="14" spans="1:22" ht="10.5" customHeight="1">
      <c r="A14" s="60"/>
      <c r="B14" s="115" t="s">
        <v>84</v>
      </c>
      <c r="C14" s="49"/>
      <c r="D14" s="130">
        <v>197221</v>
      </c>
      <c r="E14" s="130">
        <v>98288</v>
      </c>
      <c r="F14" s="130">
        <v>98933</v>
      </c>
      <c r="G14" s="130">
        <v>105795</v>
      </c>
      <c r="H14" s="130">
        <v>198121</v>
      </c>
      <c r="I14" s="130">
        <v>98756</v>
      </c>
      <c r="J14" s="130">
        <v>99365</v>
      </c>
      <c r="K14" s="137">
        <v>106817</v>
      </c>
    </row>
    <row r="15" spans="1:22" ht="10.5" customHeight="1">
      <c r="A15" s="60"/>
      <c r="B15" s="115" t="s">
        <v>85</v>
      </c>
      <c r="C15" s="49"/>
      <c r="D15" s="130">
        <v>213979</v>
      </c>
      <c r="E15" s="130">
        <v>104018</v>
      </c>
      <c r="F15" s="130">
        <v>109961</v>
      </c>
      <c r="G15" s="130">
        <v>96931</v>
      </c>
      <c r="H15" s="130">
        <v>214034</v>
      </c>
      <c r="I15" s="130">
        <v>104005</v>
      </c>
      <c r="J15" s="130">
        <v>110029</v>
      </c>
      <c r="K15" s="137">
        <v>97266</v>
      </c>
    </row>
    <row r="16" spans="1:22" ht="10.5" customHeight="1">
      <c r="A16" s="60"/>
      <c r="B16" s="115" t="s">
        <v>86</v>
      </c>
      <c r="C16" s="49"/>
      <c r="D16" s="130">
        <v>205563</v>
      </c>
      <c r="E16" s="130">
        <v>100679</v>
      </c>
      <c r="F16" s="130">
        <v>104884</v>
      </c>
      <c r="G16" s="130">
        <v>100039</v>
      </c>
      <c r="H16" s="130">
        <v>205791</v>
      </c>
      <c r="I16" s="130">
        <v>100798</v>
      </c>
      <c r="J16" s="130">
        <v>104993</v>
      </c>
      <c r="K16" s="137">
        <v>100550</v>
      </c>
    </row>
    <row r="17" spans="1:11" ht="10.5" customHeight="1">
      <c r="A17" s="60"/>
      <c r="B17" s="115" t="s">
        <v>87</v>
      </c>
      <c r="C17" s="49"/>
      <c r="D17" s="130">
        <v>242044</v>
      </c>
      <c r="E17" s="130">
        <v>116523</v>
      </c>
      <c r="F17" s="130">
        <v>125521</v>
      </c>
      <c r="G17" s="130">
        <v>107713</v>
      </c>
      <c r="H17" s="130">
        <v>241950</v>
      </c>
      <c r="I17" s="130">
        <v>116447</v>
      </c>
      <c r="J17" s="130">
        <v>125503</v>
      </c>
      <c r="K17" s="137">
        <v>107996</v>
      </c>
    </row>
    <row r="18" spans="1:11" ht="10.5" customHeight="1">
      <c r="A18" s="60"/>
      <c r="B18" s="115" t="s">
        <v>88</v>
      </c>
      <c r="C18" s="49"/>
      <c r="D18" s="130">
        <v>165413</v>
      </c>
      <c r="E18" s="130">
        <v>81393</v>
      </c>
      <c r="F18" s="130">
        <v>84020</v>
      </c>
      <c r="G18" s="130">
        <v>79494</v>
      </c>
      <c r="H18" s="130">
        <v>165416</v>
      </c>
      <c r="I18" s="130">
        <v>81379</v>
      </c>
      <c r="J18" s="130">
        <v>84037</v>
      </c>
      <c r="K18" s="137">
        <v>79796</v>
      </c>
    </row>
    <row r="19" spans="1:11" ht="10.5" customHeight="1">
      <c r="A19" s="60"/>
      <c r="B19" s="115" t="s">
        <v>89</v>
      </c>
      <c r="C19" s="49"/>
      <c r="D19" s="130">
        <v>195467</v>
      </c>
      <c r="E19" s="130">
        <v>94928</v>
      </c>
      <c r="F19" s="130">
        <v>100539</v>
      </c>
      <c r="G19" s="130">
        <v>90306</v>
      </c>
      <c r="H19" s="130">
        <v>195348</v>
      </c>
      <c r="I19" s="130">
        <v>94830</v>
      </c>
      <c r="J19" s="130">
        <v>100518</v>
      </c>
      <c r="K19" s="137">
        <v>90488</v>
      </c>
    </row>
    <row r="20" spans="1:11" ht="10.5" customHeight="1">
      <c r="A20" s="60"/>
      <c r="B20" s="115" t="s">
        <v>90</v>
      </c>
      <c r="C20" s="49"/>
      <c r="D20" s="130">
        <v>361786</v>
      </c>
      <c r="E20" s="130">
        <v>180329</v>
      </c>
      <c r="F20" s="130">
        <v>181457</v>
      </c>
      <c r="G20" s="130">
        <v>179180</v>
      </c>
      <c r="H20" s="130">
        <v>362626</v>
      </c>
      <c r="I20" s="130">
        <v>180683</v>
      </c>
      <c r="J20" s="130">
        <v>181943</v>
      </c>
      <c r="K20" s="137">
        <v>180490</v>
      </c>
    </row>
    <row r="21" spans="1:11" ht="10.5" customHeight="1">
      <c r="A21" s="60"/>
      <c r="B21" s="115" t="s">
        <v>91</v>
      </c>
      <c r="C21" s="49"/>
      <c r="D21" s="130">
        <v>182458</v>
      </c>
      <c r="E21" s="130">
        <v>89604</v>
      </c>
      <c r="F21" s="130">
        <v>92854</v>
      </c>
      <c r="G21" s="130">
        <v>80801</v>
      </c>
      <c r="H21" s="130">
        <v>182670</v>
      </c>
      <c r="I21" s="130">
        <v>89702</v>
      </c>
      <c r="J21" s="130">
        <v>92968</v>
      </c>
      <c r="K21" s="137">
        <v>81225</v>
      </c>
    </row>
    <row r="22" spans="1:11" ht="10.5" customHeight="1">
      <c r="A22" s="60"/>
      <c r="B22" s="115" t="s">
        <v>92</v>
      </c>
      <c r="C22" s="49"/>
      <c r="D22" s="130">
        <v>310067</v>
      </c>
      <c r="E22" s="130">
        <v>149527</v>
      </c>
      <c r="F22" s="130">
        <v>160540</v>
      </c>
      <c r="G22" s="130">
        <v>135099</v>
      </c>
      <c r="H22" s="130">
        <v>309909</v>
      </c>
      <c r="I22" s="130">
        <v>149343</v>
      </c>
      <c r="J22" s="130">
        <v>160566</v>
      </c>
      <c r="K22" s="137">
        <v>135531</v>
      </c>
    </row>
    <row r="23" spans="1:11" ht="10.5" customHeight="1">
      <c r="A23" s="60"/>
      <c r="B23" s="115" t="s">
        <v>93</v>
      </c>
      <c r="C23" s="49"/>
      <c r="D23" s="130">
        <v>215005</v>
      </c>
      <c r="E23" s="130">
        <v>105230</v>
      </c>
      <c r="F23" s="130">
        <v>109775</v>
      </c>
      <c r="G23" s="130">
        <v>87464</v>
      </c>
      <c r="H23" s="130">
        <v>214808</v>
      </c>
      <c r="I23" s="130">
        <v>105104</v>
      </c>
      <c r="J23" s="130">
        <v>109704</v>
      </c>
      <c r="K23" s="137">
        <v>87741</v>
      </c>
    </row>
    <row r="24" spans="1:11" ht="10.5" customHeight="1">
      <c r="A24" s="60"/>
      <c r="B24" s="115" t="s">
        <v>94</v>
      </c>
      <c r="C24" s="49"/>
      <c r="D24" s="130">
        <v>283152</v>
      </c>
      <c r="E24" s="130">
        <v>137863</v>
      </c>
      <c r="F24" s="130">
        <v>145289</v>
      </c>
      <c r="G24" s="130">
        <v>124333</v>
      </c>
      <c r="H24" s="130">
        <v>283155</v>
      </c>
      <c r="I24" s="130">
        <v>137817</v>
      </c>
      <c r="J24" s="130">
        <v>145338</v>
      </c>
      <c r="K24" s="137">
        <v>124863</v>
      </c>
    </row>
    <row r="25" spans="1:11" ht="10.5" customHeight="1">
      <c r="A25" s="60"/>
      <c r="B25" s="115" t="s">
        <v>95</v>
      </c>
      <c r="C25" s="49"/>
      <c r="D25" s="130">
        <v>120721</v>
      </c>
      <c r="E25" s="130">
        <v>58625</v>
      </c>
      <c r="F25" s="130">
        <v>62096</v>
      </c>
      <c r="G25" s="130">
        <v>53956</v>
      </c>
      <c r="H25" s="130">
        <v>120713</v>
      </c>
      <c r="I25" s="130">
        <v>58566</v>
      </c>
      <c r="J25" s="130">
        <v>62147</v>
      </c>
      <c r="K25" s="137">
        <v>54103</v>
      </c>
    </row>
    <row r="26" spans="1:11" ht="10.5" customHeight="1">
      <c r="A26" s="60"/>
      <c r="B26" s="115" t="s">
        <v>96</v>
      </c>
      <c r="C26" s="49"/>
      <c r="D26" s="130">
        <v>151214</v>
      </c>
      <c r="E26" s="130">
        <v>73089</v>
      </c>
      <c r="F26" s="130">
        <v>78125</v>
      </c>
      <c r="G26" s="130">
        <v>63863</v>
      </c>
      <c r="H26" s="130">
        <v>151180</v>
      </c>
      <c r="I26" s="130">
        <v>73076</v>
      </c>
      <c r="J26" s="130">
        <v>78104</v>
      </c>
      <c r="K26" s="137">
        <v>64045</v>
      </c>
    </row>
    <row r="27" spans="1:11" ht="10.5" customHeight="1">
      <c r="A27" s="60"/>
      <c r="B27" s="115" t="s">
        <v>97</v>
      </c>
      <c r="C27" s="49"/>
      <c r="D27" s="130">
        <v>121472</v>
      </c>
      <c r="E27" s="130">
        <v>58627</v>
      </c>
      <c r="F27" s="130">
        <v>62845</v>
      </c>
      <c r="G27" s="130">
        <v>53504</v>
      </c>
      <c r="H27" s="130">
        <v>121536</v>
      </c>
      <c r="I27" s="130">
        <v>58629</v>
      </c>
      <c r="J27" s="130">
        <v>62907</v>
      </c>
      <c r="K27" s="137">
        <v>53713</v>
      </c>
    </row>
    <row r="28" spans="1:11" ht="10.5" customHeight="1">
      <c r="A28" s="125"/>
      <c r="B28" s="126" t="s">
        <v>98</v>
      </c>
      <c r="C28" s="40"/>
      <c r="D28" s="127">
        <v>1538998</v>
      </c>
      <c r="E28" s="127">
        <v>774249</v>
      </c>
      <c r="F28" s="127">
        <v>764749</v>
      </c>
      <c r="G28" s="127">
        <v>762191</v>
      </c>
      <c r="H28" s="127">
        <v>1541640</v>
      </c>
      <c r="I28" s="127">
        <v>775599</v>
      </c>
      <c r="J28" s="127">
        <v>766041</v>
      </c>
      <c r="K28" s="136">
        <v>767704</v>
      </c>
    </row>
    <row r="29" spans="1:11" ht="10.5" customHeight="1">
      <c r="A29" s="60"/>
      <c r="B29" s="115" t="s">
        <v>99</v>
      </c>
      <c r="C29" s="49"/>
      <c r="D29" s="130">
        <v>229784</v>
      </c>
      <c r="E29" s="130">
        <v>123486</v>
      </c>
      <c r="F29" s="130">
        <v>106298</v>
      </c>
      <c r="G29" s="130">
        <v>124293</v>
      </c>
      <c r="H29" s="130">
        <v>230519</v>
      </c>
      <c r="I29" s="130">
        <v>123980</v>
      </c>
      <c r="J29" s="130">
        <v>106539</v>
      </c>
      <c r="K29" s="137">
        <v>125328</v>
      </c>
    </row>
    <row r="30" spans="1:11" ht="10.5" customHeight="1">
      <c r="A30" s="60"/>
      <c r="B30" s="115" t="s">
        <v>100</v>
      </c>
      <c r="C30" s="49"/>
      <c r="D30" s="130">
        <v>171520</v>
      </c>
      <c r="E30" s="130">
        <v>86688</v>
      </c>
      <c r="F30" s="130">
        <v>84832</v>
      </c>
      <c r="G30" s="130">
        <v>81323</v>
      </c>
      <c r="H30" s="130">
        <v>171686</v>
      </c>
      <c r="I30" s="130">
        <v>86788</v>
      </c>
      <c r="J30" s="130">
        <v>84898</v>
      </c>
      <c r="K30" s="137">
        <v>81861</v>
      </c>
    </row>
    <row r="31" spans="1:11" ht="10.5" customHeight="1">
      <c r="A31" s="60"/>
      <c r="B31" s="115" t="s">
        <v>101</v>
      </c>
      <c r="C31" s="49"/>
      <c r="D31" s="130">
        <v>264995</v>
      </c>
      <c r="E31" s="130">
        <v>133847</v>
      </c>
      <c r="F31" s="130">
        <v>131148</v>
      </c>
      <c r="G31" s="130">
        <v>137493</v>
      </c>
      <c r="H31" s="130">
        <v>265401</v>
      </c>
      <c r="I31" s="130">
        <v>134133</v>
      </c>
      <c r="J31" s="130">
        <v>131268</v>
      </c>
      <c r="K31" s="137">
        <v>138744</v>
      </c>
    </row>
    <row r="32" spans="1:11" ht="10.5" customHeight="1">
      <c r="A32" s="60"/>
      <c r="B32" s="115" t="s">
        <v>102</v>
      </c>
      <c r="C32" s="49"/>
      <c r="D32" s="130">
        <v>233693</v>
      </c>
      <c r="E32" s="130">
        <v>115551</v>
      </c>
      <c r="F32" s="130">
        <v>118142</v>
      </c>
      <c r="G32" s="130">
        <v>115694</v>
      </c>
      <c r="H32" s="130">
        <v>233908</v>
      </c>
      <c r="I32" s="130">
        <v>115697</v>
      </c>
      <c r="J32" s="130">
        <v>118211</v>
      </c>
      <c r="K32" s="137">
        <v>116440</v>
      </c>
    </row>
    <row r="33" spans="1:11" ht="10.5" customHeight="1">
      <c r="A33" s="60"/>
      <c r="B33" s="115" t="s">
        <v>103</v>
      </c>
      <c r="C33" s="49"/>
      <c r="D33" s="130">
        <v>234507</v>
      </c>
      <c r="E33" s="130">
        <v>113505</v>
      </c>
      <c r="F33" s="130">
        <v>121002</v>
      </c>
      <c r="G33" s="130">
        <v>104952</v>
      </c>
      <c r="H33" s="130">
        <v>234631</v>
      </c>
      <c r="I33" s="130">
        <v>113454</v>
      </c>
      <c r="J33" s="130">
        <v>121177</v>
      </c>
      <c r="K33" s="137">
        <v>105415</v>
      </c>
    </row>
    <row r="34" spans="1:11" ht="10.5" customHeight="1">
      <c r="A34" s="60"/>
      <c r="B34" s="115" t="s">
        <v>104</v>
      </c>
      <c r="C34" s="49"/>
      <c r="D34" s="130">
        <v>224005</v>
      </c>
      <c r="E34" s="130">
        <v>114063</v>
      </c>
      <c r="F34" s="130">
        <v>109942</v>
      </c>
      <c r="G34" s="130">
        <v>117432</v>
      </c>
      <c r="H34" s="130">
        <v>224856</v>
      </c>
      <c r="I34" s="130">
        <v>114445</v>
      </c>
      <c r="J34" s="130">
        <v>110411</v>
      </c>
      <c r="K34" s="137">
        <v>118471</v>
      </c>
    </row>
    <row r="35" spans="1:11" ht="10.5" customHeight="1">
      <c r="A35" s="60"/>
      <c r="B35" s="115" t="s">
        <v>105</v>
      </c>
      <c r="C35" s="49"/>
      <c r="D35" s="130">
        <v>180494</v>
      </c>
      <c r="E35" s="130">
        <v>87109</v>
      </c>
      <c r="F35" s="130">
        <v>93385</v>
      </c>
      <c r="G35" s="130">
        <v>81004</v>
      </c>
      <c r="H35" s="130">
        <v>180639</v>
      </c>
      <c r="I35" s="130">
        <v>87102</v>
      </c>
      <c r="J35" s="130">
        <v>93537</v>
      </c>
      <c r="K35" s="137">
        <v>81445</v>
      </c>
    </row>
    <row r="36" spans="1:11" ht="10.5" customHeight="1">
      <c r="A36" s="125"/>
      <c r="B36" s="126" t="s">
        <v>106</v>
      </c>
      <c r="C36" s="40"/>
      <c r="D36" s="127">
        <v>724850</v>
      </c>
      <c r="E36" s="127">
        <v>360967</v>
      </c>
      <c r="F36" s="127">
        <v>363883</v>
      </c>
      <c r="G36" s="127">
        <v>341746</v>
      </c>
      <c r="H36" s="127">
        <v>724724</v>
      </c>
      <c r="I36" s="127">
        <v>360792</v>
      </c>
      <c r="J36" s="127">
        <v>363932</v>
      </c>
      <c r="K36" s="136">
        <v>342866</v>
      </c>
    </row>
    <row r="37" spans="1:11" ht="10.5" customHeight="1">
      <c r="A37" s="60"/>
      <c r="B37" s="115" t="s">
        <v>91</v>
      </c>
      <c r="C37" s="49"/>
      <c r="D37" s="130">
        <v>168318</v>
      </c>
      <c r="E37" s="130">
        <v>84579</v>
      </c>
      <c r="F37" s="130">
        <v>83739</v>
      </c>
      <c r="G37" s="130">
        <v>76485</v>
      </c>
      <c r="H37" s="130">
        <v>168035</v>
      </c>
      <c r="I37" s="130">
        <v>84434</v>
      </c>
      <c r="J37" s="130">
        <v>83601</v>
      </c>
      <c r="K37" s="137">
        <v>76584</v>
      </c>
    </row>
    <row r="38" spans="1:11" ht="10.5" customHeight="1">
      <c r="A38" s="60"/>
      <c r="B38" s="115" t="s">
        <v>107</v>
      </c>
      <c r="C38" s="49"/>
      <c r="D38" s="130">
        <v>274105</v>
      </c>
      <c r="E38" s="130">
        <v>136862</v>
      </c>
      <c r="F38" s="130">
        <v>137243</v>
      </c>
      <c r="G38" s="130">
        <v>128471</v>
      </c>
      <c r="H38" s="130">
        <v>274197</v>
      </c>
      <c r="I38" s="130">
        <v>136874</v>
      </c>
      <c r="J38" s="130">
        <v>137323</v>
      </c>
      <c r="K38" s="137">
        <v>129012</v>
      </c>
    </row>
    <row r="39" spans="1:11" ht="10.5" customHeight="1">
      <c r="A39" s="60"/>
      <c r="B39" s="115" t="s">
        <v>84</v>
      </c>
      <c r="C39" s="49"/>
      <c r="D39" s="130">
        <v>282427</v>
      </c>
      <c r="E39" s="130">
        <v>139526</v>
      </c>
      <c r="F39" s="130">
        <v>142901</v>
      </c>
      <c r="G39" s="130">
        <v>136790</v>
      </c>
      <c r="H39" s="130">
        <v>282492</v>
      </c>
      <c r="I39" s="130">
        <v>139484</v>
      </c>
      <c r="J39" s="130">
        <v>143008</v>
      </c>
      <c r="K39" s="137">
        <v>137270</v>
      </c>
    </row>
    <row r="40" spans="1:11" ht="10.5" customHeight="1">
      <c r="A40" s="9"/>
      <c r="B40" s="115" t="s">
        <v>108</v>
      </c>
      <c r="C40" s="49"/>
      <c r="D40" s="130">
        <v>377686</v>
      </c>
      <c r="E40" s="130">
        <v>188073</v>
      </c>
      <c r="F40" s="130">
        <v>189613</v>
      </c>
      <c r="G40" s="130">
        <v>165648</v>
      </c>
      <c r="H40" s="130">
        <v>376171</v>
      </c>
      <c r="I40" s="130">
        <v>186948</v>
      </c>
      <c r="J40" s="130">
        <v>189223</v>
      </c>
      <c r="K40" s="137">
        <v>165946</v>
      </c>
    </row>
    <row r="41" spans="1:11" ht="10.5" customHeight="1">
      <c r="A41" s="9"/>
      <c r="B41" s="115" t="s">
        <v>109</v>
      </c>
      <c r="C41" s="49"/>
      <c r="D41" s="130">
        <v>257351</v>
      </c>
      <c r="E41" s="130">
        <v>128368</v>
      </c>
      <c r="F41" s="130">
        <v>128983</v>
      </c>
      <c r="G41" s="130">
        <v>114915</v>
      </c>
      <c r="H41" s="130">
        <v>257694</v>
      </c>
      <c r="I41" s="130">
        <v>128515</v>
      </c>
      <c r="J41" s="130">
        <v>129179</v>
      </c>
      <c r="K41" s="137">
        <v>115555</v>
      </c>
    </row>
    <row r="42" spans="1:11" ht="10.5" customHeight="1">
      <c r="A42" s="9"/>
      <c r="B42" s="115" t="s">
        <v>110</v>
      </c>
      <c r="C42" s="49"/>
      <c r="D42" s="130">
        <v>171812</v>
      </c>
      <c r="E42" s="130">
        <v>80672</v>
      </c>
      <c r="F42" s="130">
        <v>91140</v>
      </c>
      <c r="G42" s="130">
        <v>76776</v>
      </c>
      <c r="H42" s="130">
        <v>171914</v>
      </c>
      <c r="I42" s="130">
        <v>80669</v>
      </c>
      <c r="J42" s="130">
        <v>91245</v>
      </c>
      <c r="K42" s="137">
        <v>76979</v>
      </c>
    </row>
    <row r="43" spans="1:11" ht="10.5" customHeight="1">
      <c r="A43" s="9"/>
      <c r="B43" s="115" t="s">
        <v>111</v>
      </c>
      <c r="C43" s="49"/>
      <c r="D43" s="130">
        <v>443544</v>
      </c>
      <c r="E43" s="130">
        <v>218793</v>
      </c>
      <c r="F43" s="130">
        <v>224751</v>
      </c>
      <c r="G43" s="130">
        <v>200401</v>
      </c>
      <c r="H43" s="130">
        <v>443515</v>
      </c>
      <c r="I43" s="130">
        <v>218730</v>
      </c>
      <c r="J43" s="130">
        <v>224785</v>
      </c>
      <c r="K43" s="137">
        <v>200826</v>
      </c>
    </row>
    <row r="44" spans="1:11" ht="10.5" customHeight="1">
      <c r="A44" s="9"/>
      <c r="B44" s="115" t="s">
        <v>112</v>
      </c>
      <c r="C44" s="49"/>
      <c r="D44" s="130">
        <v>186922</v>
      </c>
      <c r="E44" s="130">
        <v>90436</v>
      </c>
      <c r="F44" s="130">
        <v>96486</v>
      </c>
      <c r="G44" s="130">
        <v>83807</v>
      </c>
      <c r="H44" s="130">
        <v>186808</v>
      </c>
      <c r="I44" s="130">
        <v>90362</v>
      </c>
      <c r="J44" s="130">
        <v>96446</v>
      </c>
      <c r="K44" s="137">
        <v>84097</v>
      </c>
    </row>
    <row r="45" spans="1:11" ht="10.5" customHeight="1">
      <c r="A45" s="9"/>
      <c r="B45" s="115" t="s">
        <v>113</v>
      </c>
      <c r="C45" s="49"/>
      <c r="D45" s="130">
        <v>244203</v>
      </c>
      <c r="E45" s="130">
        <v>118203</v>
      </c>
      <c r="F45" s="130">
        <v>126000</v>
      </c>
      <c r="G45" s="130">
        <v>105959</v>
      </c>
      <c r="H45" s="130">
        <v>244610</v>
      </c>
      <c r="I45" s="130">
        <v>118435</v>
      </c>
      <c r="J45" s="130">
        <v>126175</v>
      </c>
      <c r="K45" s="137">
        <v>106424</v>
      </c>
    </row>
    <row r="46" spans="1:11" ht="10.5" customHeight="1">
      <c r="A46" s="9"/>
      <c r="B46" s="115" t="s">
        <v>114</v>
      </c>
      <c r="C46" s="49"/>
      <c r="D46" s="130">
        <v>56352</v>
      </c>
      <c r="E46" s="130">
        <v>26343</v>
      </c>
      <c r="F46" s="130">
        <v>30009</v>
      </c>
      <c r="G46" s="130">
        <v>25056</v>
      </c>
      <c r="H46" s="130">
        <v>56293</v>
      </c>
      <c r="I46" s="130">
        <v>26294</v>
      </c>
      <c r="J46" s="130">
        <v>29999</v>
      </c>
      <c r="K46" s="137">
        <v>25097</v>
      </c>
    </row>
    <row r="47" spans="1:11" ht="10.5" customHeight="1">
      <c r="A47" s="9"/>
      <c r="B47" s="115" t="s">
        <v>115</v>
      </c>
      <c r="C47" s="49"/>
      <c r="D47" s="130">
        <v>40686</v>
      </c>
      <c r="E47" s="130">
        <v>19425</v>
      </c>
      <c r="F47" s="130">
        <v>21261</v>
      </c>
      <c r="G47" s="130">
        <v>17159</v>
      </c>
      <c r="H47" s="130">
        <v>40584</v>
      </c>
      <c r="I47" s="130">
        <v>19369</v>
      </c>
      <c r="J47" s="130">
        <v>21215</v>
      </c>
      <c r="K47" s="137">
        <v>17154</v>
      </c>
    </row>
    <row r="48" spans="1:11" ht="10.5" customHeight="1">
      <c r="A48" s="9"/>
      <c r="B48" s="115" t="s">
        <v>116</v>
      </c>
      <c r="C48" s="49"/>
      <c r="D48" s="130">
        <v>161309</v>
      </c>
      <c r="E48" s="130">
        <v>81453</v>
      </c>
      <c r="F48" s="130">
        <v>79856</v>
      </c>
      <c r="G48" s="130">
        <v>72102</v>
      </c>
      <c r="H48" s="130">
        <v>161279</v>
      </c>
      <c r="I48" s="130">
        <v>81465</v>
      </c>
      <c r="J48" s="130">
        <v>79814</v>
      </c>
      <c r="K48" s="137">
        <v>72359</v>
      </c>
    </row>
    <row r="49" spans="1:11" ht="10.5" customHeight="1">
      <c r="A49" s="9"/>
      <c r="B49" s="115" t="s">
        <v>117</v>
      </c>
      <c r="C49" s="49"/>
      <c r="D49" s="130">
        <v>223760</v>
      </c>
      <c r="E49" s="130">
        <v>115148</v>
      </c>
      <c r="F49" s="130">
        <v>108612</v>
      </c>
      <c r="G49" s="130">
        <v>103551</v>
      </c>
      <c r="H49" s="130">
        <v>223815</v>
      </c>
      <c r="I49" s="130">
        <v>115210</v>
      </c>
      <c r="J49" s="130">
        <v>108605</v>
      </c>
      <c r="K49" s="137">
        <v>104076</v>
      </c>
    </row>
    <row r="50" spans="1:11" ht="10.5" customHeight="1">
      <c r="A50" s="9"/>
      <c r="B50" s="115" t="s">
        <v>118</v>
      </c>
      <c r="C50" s="49"/>
      <c r="D50" s="130">
        <v>242901</v>
      </c>
      <c r="E50" s="130">
        <v>121037</v>
      </c>
      <c r="F50" s="130">
        <v>121864</v>
      </c>
      <c r="G50" s="130">
        <v>114355</v>
      </c>
      <c r="H50" s="130">
        <v>242983</v>
      </c>
      <c r="I50" s="130">
        <v>121074</v>
      </c>
      <c r="J50" s="130">
        <v>121909</v>
      </c>
      <c r="K50" s="137">
        <v>114741</v>
      </c>
    </row>
    <row r="51" spans="1:11" ht="10.5" customHeight="1">
      <c r="A51" s="9"/>
      <c r="B51" s="115" t="s">
        <v>119</v>
      </c>
      <c r="C51" s="49"/>
      <c r="D51" s="130">
        <v>101208</v>
      </c>
      <c r="E51" s="130">
        <v>51121</v>
      </c>
      <c r="F51" s="130">
        <v>50087</v>
      </c>
      <c r="G51" s="130">
        <v>46343</v>
      </c>
      <c r="H51" s="130">
        <v>101473</v>
      </c>
      <c r="I51" s="130">
        <v>51312</v>
      </c>
      <c r="J51" s="130">
        <v>50161</v>
      </c>
      <c r="K51" s="137">
        <v>46770</v>
      </c>
    </row>
    <row r="52" spans="1:11" ht="10.5" customHeight="1">
      <c r="A52" s="9"/>
      <c r="B52" s="115" t="s">
        <v>120</v>
      </c>
      <c r="C52" s="49"/>
      <c r="D52" s="130">
        <v>139611</v>
      </c>
      <c r="E52" s="130">
        <v>70109</v>
      </c>
      <c r="F52" s="130">
        <v>69502</v>
      </c>
      <c r="G52" s="130">
        <v>61158</v>
      </c>
      <c r="H52" s="130">
        <v>139739</v>
      </c>
      <c r="I52" s="130">
        <v>70199</v>
      </c>
      <c r="J52" s="130">
        <v>69540</v>
      </c>
      <c r="K52" s="137">
        <v>61454</v>
      </c>
    </row>
    <row r="53" spans="1:11" ht="10.5" customHeight="1">
      <c r="A53" s="9"/>
      <c r="B53" s="115" t="s">
        <v>121</v>
      </c>
      <c r="C53" s="49"/>
      <c r="D53" s="130">
        <v>131968</v>
      </c>
      <c r="E53" s="130">
        <v>65556</v>
      </c>
      <c r="F53" s="130">
        <v>66412</v>
      </c>
      <c r="G53" s="130">
        <v>61490</v>
      </c>
      <c r="H53" s="130">
        <v>132072</v>
      </c>
      <c r="I53" s="130">
        <v>65650</v>
      </c>
      <c r="J53" s="130">
        <v>66422</v>
      </c>
      <c r="K53" s="137">
        <v>61720</v>
      </c>
    </row>
    <row r="54" spans="1:11" ht="10.5" customHeight="1">
      <c r="A54" s="9"/>
      <c r="B54" s="115" t="s">
        <v>122</v>
      </c>
      <c r="C54" s="49"/>
      <c r="D54" s="130">
        <v>40018</v>
      </c>
      <c r="E54" s="130">
        <v>19570</v>
      </c>
      <c r="F54" s="130">
        <v>20448</v>
      </c>
      <c r="G54" s="130">
        <v>16566</v>
      </c>
      <c r="H54" s="130">
        <v>39907</v>
      </c>
      <c r="I54" s="130">
        <v>19505</v>
      </c>
      <c r="J54" s="130">
        <v>20402</v>
      </c>
      <c r="K54" s="137">
        <v>16582</v>
      </c>
    </row>
    <row r="55" spans="1:11" ht="10.5" customHeight="1">
      <c r="A55" s="9"/>
      <c r="B55" s="115" t="s">
        <v>123</v>
      </c>
      <c r="C55" s="49"/>
      <c r="D55" s="130">
        <v>83141</v>
      </c>
      <c r="E55" s="130">
        <v>42030</v>
      </c>
      <c r="F55" s="130">
        <v>41111</v>
      </c>
      <c r="G55" s="130">
        <v>35334</v>
      </c>
      <c r="H55" s="130">
        <v>83100</v>
      </c>
      <c r="I55" s="130">
        <v>42008</v>
      </c>
      <c r="J55" s="130">
        <v>41092</v>
      </c>
      <c r="K55" s="137">
        <v>35435</v>
      </c>
    </row>
    <row r="56" spans="1:11" ht="10.5" customHeight="1">
      <c r="A56" s="9"/>
      <c r="B56" s="115" t="s">
        <v>124</v>
      </c>
      <c r="C56" s="49"/>
      <c r="D56" s="122">
        <v>31340</v>
      </c>
      <c r="E56" s="130">
        <v>14704</v>
      </c>
      <c r="F56" s="130">
        <v>16636</v>
      </c>
      <c r="G56" s="130">
        <v>13099</v>
      </c>
      <c r="H56" s="130">
        <v>31280</v>
      </c>
      <c r="I56" s="130">
        <v>14673</v>
      </c>
      <c r="J56" s="130">
        <v>16607</v>
      </c>
      <c r="K56" s="137">
        <v>13101</v>
      </c>
    </row>
    <row r="57" spans="1:11" ht="10.5" customHeight="1">
      <c r="A57" s="9"/>
      <c r="B57" s="115" t="s">
        <v>125</v>
      </c>
      <c r="C57" s="49"/>
      <c r="D57" s="122">
        <v>48550</v>
      </c>
      <c r="E57" s="130">
        <v>24614</v>
      </c>
      <c r="F57" s="130">
        <v>23936</v>
      </c>
      <c r="G57" s="130">
        <v>20485</v>
      </c>
      <c r="H57" s="130">
        <v>48545</v>
      </c>
      <c r="I57" s="130">
        <v>24618</v>
      </c>
      <c r="J57" s="130">
        <v>23927</v>
      </c>
      <c r="K57" s="137">
        <v>20534</v>
      </c>
    </row>
    <row r="58" spans="1:11" ht="10.5" customHeight="1">
      <c r="A58" s="125"/>
      <c r="B58" s="126" t="s">
        <v>126</v>
      </c>
      <c r="C58" s="40"/>
      <c r="D58" s="127">
        <v>58290</v>
      </c>
      <c r="E58" s="127">
        <v>28222</v>
      </c>
      <c r="F58" s="127">
        <v>30068</v>
      </c>
      <c r="G58" s="127">
        <v>24566</v>
      </c>
      <c r="H58" s="127">
        <v>58246</v>
      </c>
      <c r="I58" s="127">
        <v>28206</v>
      </c>
      <c r="J58" s="127">
        <v>30040</v>
      </c>
      <c r="K58" s="136">
        <v>24605</v>
      </c>
    </row>
    <row r="59" spans="1:11" ht="10.5" customHeight="1">
      <c r="A59" s="60"/>
      <c r="B59" s="115" t="s">
        <v>127</v>
      </c>
      <c r="C59" s="49"/>
      <c r="D59" s="130">
        <v>31209</v>
      </c>
      <c r="E59" s="130">
        <v>15190</v>
      </c>
      <c r="F59" s="130">
        <v>16019</v>
      </c>
      <c r="G59" s="130">
        <v>12883</v>
      </c>
      <c r="H59" s="130">
        <v>31179</v>
      </c>
      <c r="I59" s="130">
        <v>15184</v>
      </c>
      <c r="J59" s="130">
        <v>15995</v>
      </c>
      <c r="K59" s="137">
        <v>12902</v>
      </c>
    </row>
    <row r="60" spans="1:11" ht="10.5" customHeight="1">
      <c r="A60" s="60"/>
      <c r="B60" s="115" t="s">
        <v>128</v>
      </c>
      <c r="C60" s="49"/>
      <c r="D60" s="130">
        <v>27081</v>
      </c>
      <c r="E60" s="130">
        <v>13032</v>
      </c>
      <c r="F60" s="130">
        <v>14049</v>
      </c>
      <c r="G60" s="130">
        <v>11683</v>
      </c>
      <c r="H60" s="130">
        <v>27067</v>
      </c>
      <c r="I60" s="130">
        <v>13022</v>
      </c>
      <c r="J60" s="130">
        <v>14045</v>
      </c>
      <c r="K60" s="137">
        <v>11703</v>
      </c>
    </row>
    <row r="61" spans="1:11" ht="10.5" customHeight="1">
      <c r="A61" s="125"/>
      <c r="B61" s="126" t="s">
        <v>129</v>
      </c>
      <c r="C61" s="40"/>
      <c r="D61" s="127">
        <v>64836</v>
      </c>
      <c r="E61" s="127">
        <v>31896</v>
      </c>
      <c r="F61" s="127">
        <v>32940</v>
      </c>
      <c r="G61" s="127">
        <v>26213</v>
      </c>
      <c r="H61" s="127">
        <v>64766</v>
      </c>
      <c r="I61" s="127">
        <v>31868</v>
      </c>
      <c r="J61" s="127">
        <v>32898</v>
      </c>
      <c r="K61" s="136">
        <v>26298</v>
      </c>
    </row>
    <row r="62" spans="1:11" ht="10.5" customHeight="1">
      <c r="A62" s="60"/>
      <c r="B62" s="115" t="s">
        <v>130</v>
      </c>
      <c r="C62" s="49"/>
      <c r="D62" s="130">
        <v>9043</v>
      </c>
      <c r="E62" s="130">
        <v>4509</v>
      </c>
      <c r="F62" s="130">
        <v>4534</v>
      </c>
      <c r="G62" s="130">
        <v>3438</v>
      </c>
      <c r="H62" s="130">
        <v>9001</v>
      </c>
      <c r="I62" s="130">
        <v>4491</v>
      </c>
      <c r="J62" s="130">
        <v>4510</v>
      </c>
      <c r="K62" s="137">
        <v>3438</v>
      </c>
    </row>
    <row r="63" spans="1:11" ht="10.5" customHeight="1">
      <c r="A63" s="60"/>
      <c r="B63" s="115" t="s">
        <v>131</v>
      </c>
      <c r="C63" s="49"/>
      <c r="D63" s="130">
        <v>17264</v>
      </c>
      <c r="E63" s="130">
        <v>8488</v>
      </c>
      <c r="F63" s="130">
        <v>8776</v>
      </c>
      <c r="G63" s="130">
        <v>7017</v>
      </c>
      <c r="H63" s="130">
        <v>17264</v>
      </c>
      <c r="I63" s="130">
        <v>8484</v>
      </c>
      <c r="J63" s="130">
        <v>8780</v>
      </c>
      <c r="K63" s="137">
        <v>7048</v>
      </c>
    </row>
    <row r="64" spans="1:11" ht="10.5" customHeight="1">
      <c r="A64" s="60"/>
      <c r="B64" s="115" t="s">
        <v>132</v>
      </c>
      <c r="C64" s="49"/>
      <c r="D64" s="130">
        <v>10428</v>
      </c>
      <c r="E64" s="130">
        <v>5173</v>
      </c>
      <c r="F64" s="130">
        <v>5255</v>
      </c>
      <c r="G64" s="130">
        <v>4526</v>
      </c>
      <c r="H64" s="130">
        <v>10437</v>
      </c>
      <c r="I64" s="130">
        <v>5179</v>
      </c>
      <c r="J64" s="130">
        <v>5258</v>
      </c>
      <c r="K64" s="137">
        <v>4567</v>
      </c>
    </row>
    <row r="65" spans="1:11" ht="10.5" customHeight="1">
      <c r="A65" s="60"/>
      <c r="B65" s="115" t="s">
        <v>133</v>
      </c>
      <c r="C65" s="49"/>
      <c r="D65" s="130">
        <v>9355</v>
      </c>
      <c r="E65" s="130">
        <v>4635</v>
      </c>
      <c r="F65" s="130">
        <v>4720</v>
      </c>
      <c r="G65" s="130">
        <v>3929</v>
      </c>
      <c r="H65" s="130">
        <v>9332</v>
      </c>
      <c r="I65" s="130">
        <v>4626</v>
      </c>
      <c r="J65" s="130">
        <v>4706</v>
      </c>
      <c r="K65" s="137">
        <v>3935</v>
      </c>
    </row>
    <row r="66" spans="1:11" ht="10.5" customHeight="1">
      <c r="A66" s="60"/>
      <c r="B66" s="115" t="s">
        <v>134</v>
      </c>
      <c r="C66" s="49"/>
      <c r="D66" s="130">
        <v>18746</v>
      </c>
      <c r="E66" s="130">
        <v>9091</v>
      </c>
      <c r="F66" s="130">
        <v>9655</v>
      </c>
      <c r="G66" s="130">
        <v>7303</v>
      </c>
      <c r="H66" s="130">
        <v>18732</v>
      </c>
      <c r="I66" s="130">
        <v>9088</v>
      </c>
      <c r="J66" s="130">
        <v>9644</v>
      </c>
      <c r="K66" s="137">
        <v>7310</v>
      </c>
    </row>
    <row r="67" spans="1:11" ht="10.5" customHeight="1">
      <c r="A67" s="125"/>
      <c r="B67" s="126" t="s">
        <v>135</v>
      </c>
      <c r="C67" s="40"/>
      <c r="D67" s="127">
        <v>39994</v>
      </c>
      <c r="E67" s="127">
        <v>18733</v>
      </c>
      <c r="F67" s="127">
        <v>21261</v>
      </c>
      <c r="G67" s="127">
        <v>19962</v>
      </c>
      <c r="H67" s="127">
        <v>39982</v>
      </c>
      <c r="I67" s="127">
        <v>18691</v>
      </c>
      <c r="J67" s="127">
        <v>21291</v>
      </c>
      <c r="K67" s="136">
        <v>20097</v>
      </c>
    </row>
    <row r="68" spans="1:11" ht="10.5" customHeight="1">
      <c r="A68" s="60"/>
      <c r="B68" s="115" t="s">
        <v>136</v>
      </c>
      <c r="C68" s="49"/>
      <c r="D68" s="130">
        <v>10871</v>
      </c>
      <c r="E68" s="130">
        <v>5216</v>
      </c>
      <c r="F68" s="130">
        <v>5655</v>
      </c>
      <c r="G68" s="130">
        <v>6277</v>
      </c>
      <c r="H68" s="130">
        <v>10937</v>
      </c>
      <c r="I68" s="130">
        <v>5225</v>
      </c>
      <c r="J68" s="130">
        <v>5712</v>
      </c>
      <c r="K68" s="137">
        <v>6373</v>
      </c>
    </row>
    <row r="69" spans="1:11" ht="10.5" customHeight="1">
      <c r="A69" s="60"/>
      <c r="B69" s="115" t="s">
        <v>137</v>
      </c>
      <c r="C69" s="49"/>
      <c r="D69" s="130">
        <v>6448</v>
      </c>
      <c r="E69" s="130">
        <v>2993</v>
      </c>
      <c r="F69" s="130">
        <v>3455</v>
      </c>
      <c r="G69" s="130">
        <v>2938</v>
      </c>
      <c r="H69" s="130">
        <v>6396</v>
      </c>
      <c r="I69" s="130">
        <v>2963</v>
      </c>
      <c r="J69" s="130">
        <v>3433</v>
      </c>
      <c r="K69" s="137">
        <v>2925</v>
      </c>
    </row>
    <row r="70" spans="1:11" ht="10.5" customHeight="1">
      <c r="A70" s="60"/>
      <c r="B70" s="115" t="s">
        <v>138</v>
      </c>
      <c r="C70" s="49"/>
      <c r="D70" s="130">
        <v>22675</v>
      </c>
      <c r="E70" s="130">
        <v>10524</v>
      </c>
      <c r="F70" s="130">
        <v>12151</v>
      </c>
      <c r="G70" s="130">
        <v>10747</v>
      </c>
      <c r="H70" s="130">
        <v>22649</v>
      </c>
      <c r="I70" s="130">
        <v>10503</v>
      </c>
      <c r="J70" s="130">
        <v>12146</v>
      </c>
      <c r="K70" s="137">
        <v>10799</v>
      </c>
    </row>
    <row r="71" spans="1:11" ht="10.5" customHeight="1">
      <c r="A71" s="125"/>
      <c r="B71" s="126" t="s">
        <v>139</v>
      </c>
      <c r="C71" s="40"/>
      <c r="D71" s="127">
        <v>42353</v>
      </c>
      <c r="E71" s="127">
        <v>22097</v>
      </c>
      <c r="F71" s="127">
        <v>20256</v>
      </c>
      <c r="G71" s="127">
        <v>18631</v>
      </c>
      <c r="H71" s="127">
        <v>42304</v>
      </c>
      <c r="I71" s="127">
        <v>22100</v>
      </c>
      <c r="J71" s="127">
        <v>20204</v>
      </c>
      <c r="K71" s="136">
        <v>18674</v>
      </c>
    </row>
    <row r="72" spans="1:11" ht="10.5" customHeight="1">
      <c r="A72" s="60"/>
      <c r="B72" s="115" t="s">
        <v>140</v>
      </c>
      <c r="C72" s="49"/>
      <c r="D72" s="130">
        <v>39406</v>
      </c>
      <c r="E72" s="130">
        <v>20592</v>
      </c>
      <c r="F72" s="130">
        <v>18814</v>
      </c>
      <c r="G72" s="130">
        <v>17500</v>
      </c>
      <c r="H72" s="130">
        <v>39372</v>
      </c>
      <c r="I72" s="130">
        <v>20598</v>
      </c>
      <c r="J72" s="130">
        <v>18774</v>
      </c>
      <c r="K72" s="137">
        <v>17545</v>
      </c>
    </row>
    <row r="73" spans="1:11" ht="10.5" customHeight="1" thickBot="1">
      <c r="A73" s="133"/>
      <c r="B73" s="138" t="s">
        <v>141</v>
      </c>
      <c r="C73" s="139"/>
      <c r="D73" s="140">
        <v>2947</v>
      </c>
      <c r="E73" s="140">
        <v>1505</v>
      </c>
      <c r="F73" s="140">
        <v>1442</v>
      </c>
      <c r="G73" s="140">
        <v>1131</v>
      </c>
      <c r="H73" s="140">
        <v>2932</v>
      </c>
      <c r="I73" s="140">
        <v>1502</v>
      </c>
      <c r="J73" s="140">
        <v>1430</v>
      </c>
      <c r="K73" s="141">
        <v>1129</v>
      </c>
    </row>
    <row r="74" spans="1:11" ht="9.75" customHeight="1"/>
  </sheetData>
  <mergeCells count="6">
    <mergeCell ref="A1:K1"/>
    <mergeCell ref="A2:C2"/>
    <mergeCell ref="I2:K2"/>
    <mergeCell ref="A3:C4"/>
    <mergeCell ref="D3:G3"/>
    <mergeCell ref="H3:K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  <headerFooter>
    <oddFooter>&amp;C&amp;"HGPｺﾞｼｯｸM,ﾒﾃﾞｨｳﾑ"&amp;9- 21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7</vt:i4>
      </vt:variant>
      <vt:variant>
        <vt:lpstr>名前付き一覧</vt:lpstr>
      </vt:variant>
      <vt:variant>
        <vt:i4>8</vt:i4>
      </vt:variant>
    </vt:vector>
  </HeadingPairs>
  <TitlesOfParts>
    <vt:vector size="25" baseType="lpstr">
      <vt:lpstr>表1</vt:lpstr>
      <vt:lpstr>表2</vt:lpstr>
      <vt:lpstr>表3</vt:lpstr>
      <vt:lpstr>表4</vt:lpstr>
      <vt:lpstr>表5</vt:lpstr>
      <vt:lpstr>表6</vt:lpstr>
      <vt:lpstr>表7</vt:lpstr>
      <vt:lpstr>表8-1</vt:lpstr>
      <vt:lpstr>表8-2</vt:lpstr>
      <vt:lpstr>表8-3</vt:lpstr>
      <vt:lpstr>表8-4</vt:lpstr>
      <vt:lpstr>表8-5</vt:lpstr>
      <vt:lpstr>表8-6</vt:lpstr>
      <vt:lpstr>表9</vt:lpstr>
      <vt:lpstr>表10</vt:lpstr>
      <vt:lpstr>参考1</vt:lpstr>
      <vt:lpstr>参考2</vt:lpstr>
      <vt:lpstr>参考1!Print_Area</vt:lpstr>
      <vt:lpstr>表1!Print_Area</vt:lpstr>
      <vt:lpstr>表10!Print_Area</vt:lpstr>
      <vt:lpstr>表2!Print_Area</vt:lpstr>
      <vt:lpstr>表3!Print_Area</vt:lpstr>
      <vt:lpstr>表4!Print_Area</vt:lpstr>
      <vt:lpstr>表5!Print_Area</vt:lpstr>
      <vt:lpstr>表7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09T02:56:51Z</dcterms:created>
  <dcterms:modified xsi:type="dcterms:W3CDTF">2024-02-09T06:23:05Z</dcterms:modified>
</cp:coreProperties>
</file>